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425"/>
  <workbookPr/>
  <mc:AlternateContent xmlns:mc="http://schemas.openxmlformats.org/markup-compatibility/2006">
    <mc:Choice Requires="x15">
      <x15ac:absPath xmlns:x15ac="http://schemas.microsoft.com/office/spreadsheetml/2010/11/ac" url="\\smd1fs01\s165\S165経営支援部\新事部-R1連携事業支援☆\C2 03販路開拓支援\C2 01 パートナー事業\C2 03 パートナー企画\C2 令和6年度\03-17_AKOMEYA TOKYO 商品募集                （決裁前）\"/>
    </mc:Choice>
  </mc:AlternateContent>
  <xr:revisionPtr revIDLastSave="0" documentId="13_ncr:1_{B35E02FF-CBD5-47E9-8916-7C097FE57ECC}" xr6:coauthVersionLast="47" xr6:coauthVersionMax="47" xr10:uidLastSave="{00000000-0000-0000-0000-000000000000}"/>
  <bookViews>
    <workbookView xWindow="-110" yWindow="-110" windowWidth="19420" windowHeight="10420" xr2:uid="{00000000-000D-0000-FFFF-FFFF00000000}"/>
  </bookViews>
  <sheets>
    <sheet name="商品提案シート" sheetId="5" r:id="rId1"/>
    <sheet name="リスト" sheetId="3" state="hidden" r:id="rId2"/>
  </sheets>
  <definedNames>
    <definedName name="サービス業・他に分類されないもの">リスト!$V$4:$V$12</definedName>
    <definedName name="医療・福祉">リスト!$T$4:$T$6</definedName>
    <definedName name="運輸業・郵便業">リスト!$L$4:$L$11</definedName>
    <definedName name="卸売業・小売業">リスト!$M$4:$M$15</definedName>
    <definedName name="学術研究・専門・技術サービス業">リスト!$P$4:$P$7</definedName>
    <definedName name="漁業">リスト!$F$4:$F$5</definedName>
    <definedName name="教育・学習支援業">リスト!$S$4:$S$5</definedName>
    <definedName name="金融業・保険業">リスト!$N$4:$N$9</definedName>
    <definedName name="建設業">リスト!$H$4:$H$6</definedName>
    <definedName name="公務・他に分類されるものを除く">リスト!$W$4:$W$5</definedName>
    <definedName name="鉱業・採石業・砂利採取業">リスト!$G$4</definedName>
    <definedName name="宿泊業・飲食サービス業">リスト!$Q$4:$Q$6</definedName>
    <definedName name="情報通信業">リスト!$K$4:$K$8</definedName>
    <definedName name="生活関連サービス業・娯楽業">リスト!$R$4:$R$6</definedName>
    <definedName name="製造業">リスト!$I$4:$I$27</definedName>
    <definedName name="電気・ガス・熱供給・水道業">リスト!$J$4:$J$7</definedName>
    <definedName name="農業・林業">リスト!$E$4:$E$5</definedName>
    <definedName name="不動産業・物品賃貸業">リスト!$O$4:$O$6</definedName>
    <definedName name="複合サービス事業">リスト!$U$4:$U$5</definedName>
    <definedName name="分類不能の産業">リスト!$X$4</definedName>
  </definedNames>
  <calcPr calcId="191029" iterate="1" iterateCount="500" iterateDelta="10"/>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B17" i="5" l="1"/>
</calcChain>
</file>

<file path=xl/sharedStrings.xml><?xml version="1.0" encoding="utf-8"?>
<sst xmlns="http://schemas.openxmlformats.org/spreadsheetml/2006/main" count="240" uniqueCount="229">
  <si>
    <t>✓</t>
    <phoneticPr fontId="2"/>
  </si>
  <si>
    <t>漁業</t>
  </si>
  <si>
    <t>鉱業，採石業，砂利採取業</t>
  </si>
  <si>
    <t>建設業</t>
  </si>
  <si>
    <t>製造業</t>
  </si>
  <si>
    <t>電気・ガス・熱供給・水道業</t>
  </si>
  <si>
    <t>情報通信業</t>
  </si>
  <si>
    <t>運輸業，郵便業</t>
  </si>
  <si>
    <t>卸売業・小売業</t>
  </si>
  <si>
    <t>金融業・保険業</t>
  </si>
  <si>
    <t>不動産業，物品賃貸業</t>
  </si>
  <si>
    <t>学術研究，専門・技術サービス業</t>
  </si>
  <si>
    <t>宿泊業，飲食サービス業</t>
  </si>
  <si>
    <t>教育，学習支援業</t>
  </si>
  <si>
    <t>医療，福祉</t>
  </si>
  <si>
    <t>複合サービス事業</t>
  </si>
  <si>
    <t>サービス業（他に分類されないもの）</t>
  </si>
  <si>
    <t>公務（他に分類されるものを除く）</t>
  </si>
  <si>
    <t>分類不能の産業</t>
  </si>
  <si>
    <t>農業</t>
  </si>
  <si>
    <t>林業</t>
  </si>
  <si>
    <t>漁業（水産養殖業を除く）</t>
  </si>
  <si>
    <t>水産養殖業</t>
  </si>
  <si>
    <t>総合工事業</t>
  </si>
  <si>
    <t>職別工事業(設備工事業を除く)</t>
  </si>
  <si>
    <t>設備工事業</t>
  </si>
  <si>
    <t>食料品製造業</t>
  </si>
  <si>
    <t>飲料・たばこ・飼料製造業</t>
  </si>
  <si>
    <t>繊維工業</t>
  </si>
  <si>
    <t>木材・木製品製造業（家具を除く）</t>
  </si>
  <si>
    <t>家具・装備品製造業</t>
  </si>
  <si>
    <t>パルプ・紙・紙加工品製造業</t>
  </si>
  <si>
    <t>印刷・同関連業</t>
  </si>
  <si>
    <t>化学工業</t>
  </si>
  <si>
    <t>石油製品・石炭製品製造業</t>
  </si>
  <si>
    <t>プラスチック製品製造業（別掲を除く）</t>
  </si>
  <si>
    <t>ゴム製品製造業</t>
  </si>
  <si>
    <t>なめし革・同製品・毛皮製造業</t>
  </si>
  <si>
    <t>窯業・土石製品製造業</t>
  </si>
  <si>
    <t>鉄鋼業</t>
  </si>
  <si>
    <t>非鉄金属製造業</t>
  </si>
  <si>
    <t>金属製品製造業</t>
  </si>
  <si>
    <t>はん用機械器具製造業</t>
  </si>
  <si>
    <t>生産用機械器具製造業</t>
  </si>
  <si>
    <t>業務用機械器具製造業</t>
  </si>
  <si>
    <t>電子部品・デバイス・電子回路製造業</t>
  </si>
  <si>
    <t>電気機械器具製造業</t>
  </si>
  <si>
    <t>情報通信機械器具製造業</t>
  </si>
  <si>
    <t>輸送用機械器具製造業</t>
  </si>
  <si>
    <t>その他の製造業</t>
  </si>
  <si>
    <t>電気業</t>
  </si>
  <si>
    <t>ガス業</t>
  </si>
  <si>
    <t>熱供給業</t>
  </si>
  <si>
    <t>水道業</t>
  </si>
  <si>
    <t>通信業</t>
  </si>
  <si>
    <t>放送業</t>
  </si>
  <si>
    <t>情報サービス業</t>
  </si>
  <si>
    <t>インターネット附随サービス業</t>
  </si>
  <si>
    <t>映像・音声・文字情報制作業</t>
  </si>
  <si>
    <t>鉄道業</t>
  </si>
  <si>
    <t>道路旅客運送業</t>
  </si>
  <si>
    <t>道路貨物運送業</t>
  </si>
  <si>
    <t>水運業</t>
  </si>
  <si>
    <t>航空運輸業</t>
  </si>
  <si>
    <t>倉庫業</t>
  </si>
  <si>
    <t>運輸に附帯するサービス業</t>
  </si>
  <si>
    <t>郵便業（信書便事業を含む）</t>
  </si>
  <si>
    <t>各種商品卸売業</t>
  </si>
  <si>
    <t>繊維・衣服等卸売業</t>
  </si>
  <si>
    <t>飲食料品卸売業</t>
  </si>
  <si>
    <t>建築材料，鉱物・金属材料等卸売業</t>
  </si>
  <si>
    <t>機械器具卸売業</t>
  </si>
  <si>
    <t>その他の卸売業</t>
  </si>
  <si>
    <t>各種商品小売業</t>
  </si>
  <si>
    <t>織物・衣服・身の回り品小売業</t>
  </si>
  <si>
    <t>飲食料品小売業</t>
  </si>
  <si>
    <t>機械器具小売業</t>
  </si>
  <si>
    <t>その他の小売業</t>
  </si>
  <si>
    <t>無店舗小売業</t>
  </si>
  <si>
    <t>銀行業</t>
  </si>
  <si>
    <t>協同組織金融業</t>
  </si>
  <si>
    <t>貸金業，クレジットカード業等非預金信用機関</t>
  </si>
  <si>
    <t>金融商品取引業，商品先物取引業</t>
  </si>
  <si>
    <t>補助的金融業等</t>
  </si>
  <si>
    <t>保険業（保険媒介代理業，保険サービス業を含む）</t>
  </si>
  <si>
    <t>不動産取引業</t>
  </si>
  <si>
    <t>不動産賃貸業・管理業</t>
  </si>
  <si>
    <t>物品賃貸業</t>
  </si>
  <si>
    <t>学術・開発研究機関</t>
  </si>
  <si>
    <t>専門サービス業（他に分類されないもの）</t>
  </si>
  <si>
    <t>広告業</t>
  </si>
  <si>
    <t>技術サービス業（他に分類されないもの）</t>
  </si>
  <si>
    <t>宿泊業</t>
  </si>
  <si>
    <t>飲食店</t>
  </si>
  <si>
    <t>持ち帰り・配達飲食サービス業</t>
  </si>
  <si>
    <t>洗濯・理容・美容・浴場業</t>
  </si>
  <si>
    <t>その他の生活関連サービス業</t>
  </si>
  <si>
    <t>娯楽業</t>
  </si>
  <si>
    <t>学校教育</t>
  </si>
  <si>
    <t>その他の教育，学習支援業</t>
  </si>
  <si>
    <t>医療業</t>
  </si>
  <si>
    <t>保健衛生</t>
  </si>
  <si>
    <t>社会保険・社会福祉・介護事業</t>
  </si>
  <si>
    <t>郵便局</t>
  </si>
  <si>
    <t>協同組合（他に分類されないもの）</t>
  </si>
  <si>
    <t>廃棄物処理業</t>
  </si>
  <si>
    <t>自動車整備業</t>
  </si>
  <si>
    <t>機械等修理業（別掲を除く）</t>
  </si>
  <si>
    <t>職業紹介・労働者派遣業</t>
  </si>
  <si>
    <t>その他の事業サービス業</t>
  </si>
  <si>
    <t>政治・経済・文化団体</t>
  </si>
  <si>
    <t>宗教</t>
  </si>
  <si>
    <t>その他のサービス業</t>
  </si>
  <si>
    <t>外国公務</t>
  </si>
  <si>
    <t>国家公務</t>
  </si>
  <si>
    <t>地方公務</t>
  </si>
  <si>
    <t>農業，林業</t>
    <phoneticPr fontId="2"/>
  </si>
  <si>
    <t>生活関連サービス業，娯楽業</t>
    <phoneticPr fontId="2"/>
  </si>
  <si>
    <t>農業・林業</t>
    <phoneticPr fontId="2"/>
  </si>
  <si>
    <t>鉱業・採石業・砂利採取業</t>
    <phoneticPr fontId="2"/>
  </si>
  <si>
    <t>運輸業・郵便業</t>
    <phoneticPr fontId="2"/>
  </si>
  <si>
    <t>不動産業・物品賃貸業</t>
    <phoneticPr fontId="2"/>
  </si>
  <si>
    <t>学術研究・専門・技術サービス業</t>
    <phoneticPr fontId="2"/>
  </si>
  <si>
    <t>宿泊業・飲食サービス業</t>
    <phoneticPr fontId="2"/>
  </si>
  <si>
    <t>生活関連サービス業・娯楽業</t>
    <phoneticPr fontId="2"/>
  </si>
  <si>
    <t>教育・学習支援業</t>
    <phoneticPr fontId="2"/>
  </si>
  <si>
    <t>医療・福祉</t>
    <phoneticPr fontId="2"/>
  </si>
  <si>
    <t>建設業</t>
    <phoneticPr fontId="2"/>
  </si>
  <si>
    <t>電気・ガス・熱供給・水道業</t>
    <phoneticPr fontId="2"/>
  </si>
  <si>
    <t>情報通信業</t>
    <phoneticPr fontId="2"/>
  </si>
  <si>
    <t>卸売業・小売業</t>
    <phoneticPr fontId="2"/>
  </si>
  <si>
    <t>金融業・保険業</t>
    <phoneticPr fontId="2"/>
  </si>
  <si>
    <t>複合サービス事業</t>
    <phoneticPr fontId="2"/>
  </si>
  <si>
    <t>サービス業・他に分類されないもの</t>
    <phoneticPr fontId="2"/>
  </si>
  <si>
    <t>公務・他に分類されるものを除く</t>
    <phoneticPr fontId="2"/>
  </si>
  <si>
    <t>分類不能の産業</t>
    <phoneticPr fontId="2"/>
  </si>
  <si>
    <t>北海道</t>
    <rPh sb="0" eb="3">
      <t>ホッカイドウ</t>
    </rPh>
    <phoneticPr fontId="3"/>
  </si>
  <si>
    <t>東北</t>
    <rPh sb="0" eb="2">
      <t>トウホク</t>
    </rPh>
    <phoneticPr fontId="3"/>
  </si>
  <si>
    <t>東海道4県（静・愛・岐・三）</t>
    <rPh sb="0" eb="3">
      <t>トウカイドウ</t>
    </rPh>
    <rPh sb="4" eb="5">
      <t>ケン</t>
    </rPh>
    <rPh sb="6" eb="7">
      <t>シズ</t>
    </rPh>
    <rPh sb="8" eb="9">
      <t>アイ</t>
    </rPh>
    <rPh sb="10" eb="11">
      <t>キ</t>
    </rPh>
    <rPh sb="12" eb="13">
      <t>サン</t>
    </rPh>
    <phoneticPr fontId="3"/>
  </si>
  <si>
    <t>近畿</t>
    <rPh sb="0" eb="2">
      <t>キンキ</t>
    </rPh>
    <phoneticPr fontId="3"/>
  </si>
  <si>
    <t>北陸甲信越</t>
    <rPh sb="0" eb="2">
      <t>ホクリク</t>
    </rPh>
    <rPh sb="2" eb="5">
      <t>コウシンエツ</t>
    </rPh>
    <phoneticPr fontId="3"/>
  </si>
  <si>
    <t>中国、四国</t>
    <rPh sb="0" eb="2">
      <t>チュウゴク</t>
    </rPh>
    <rPh sb="3" eb="5">
      <t>シコク</t>
    </rPh>
    <phoneticPr fontId="3"/>
  </si>
  <si>
    <t>九州、沖縄</t>
    <rPh sb="0" eb="2">
      <t>キュウシュウ</t>
    </rPh>
    <rPh sb="3" eb="5">
      <t>オキナワ</t>
    </rPh>
    <phoneticPr fontId="3"/>
  </si>
  <si>
    <t>SDGs（フードロス対応など）</t>
    <rPh sb="10" eb="12">
      <t>タイオウ</t>
    </rPh>
    <phoneticPr fontId="3"/>
  </si>
  <si>
    <t>健康対応（塩分カット、低カロリー、抵糖質など）</t>
    <rPh sb="0" eb="2">
      <t>ケンコウ</t>
    </rPh>
    <rPh sb="2" eb="4">
      <t>タイオウ</t>
    </rPh>
    <rPh sb="5" eb="7">
      <t>エンブン</t>
    </rPh>
    <rPh sb="11" eb="12">
      <t>テイ</t>
    </rPh>
    <rPh sb="17" eb="18">
      <t>テイ</t>
    </rPh>
    <rPh sb="18" eb="20">
      <t>トウシツ</t>
    </rPh>
    <phoneticPr fontId="3"/>
  </si>
  <si>
    <t>常温</t>
    <rPh sb="0" eb="2">
      <t>ジョウオン</t>
    </rPh>
    <phoneticPr fontId="2"/>
  </si>
  <si>
    <t>冷蔵</t>
    <rPh sb="0" eb="2">
      <t>レイゾウ</t>
    </rPh>
    <phoneticPr fontId="2"/>
  </si>
  <si>
    <t>冷凍</t>
    <rPh sb="0" eb="2">
      <t>レイトウ</t>
    </rPh>
    <phoneticPr fontId="2"/>
  </si>
  <si>
    <t>ＦＣＰ展示会・商談会シート</t>
    <rPh sb="3" eb="6">
      <t>テンジカイ</t>
    </rPh>
    <rPh sb="7" eb="10">
      <t>ショウダンカイ</t>
    </rPh>
    <phoneticPr fontId="2"/>
  </si>
  <si>
    <t>記入日</t>
    <rPh sb="0" eb="2">
      <t>キニュウ</t>
    </rPh>
    <rPh sb="2" eb="3">
      <t>ビ</t>
    </rPh>
    <phoneticPr fontId="2"/>
  </si>
  <si>
    <t>年</t>
    <rPh sb="0" eb="1">
      <t>ネン</t>
    </rPh>
    <phoneticPr fontId="2"/>
  </si>
  <si>
    <r>
      <t>■</t>
    </r>
    <r>
      <rPr>
        <sz val="13"/>
        <color indexed="8"/>
        <rFont val="ＭＳ Ｐゴシック"/>
        <family val="3"/>
        <charset val="128"/>
      </rPr>
      <t xml:space="preserve"> 出展企業紹介</t>
    </r>
  </si>
  <si>
    <t>月</t>
    <rPh sb="0" eb="1">
      <t>ゲツ</t>
    </rPh>
    <phoneticPr fontId="2"/>
  </si>
  <si>
    <t>日</t>
    <rPh sb="0" eb="1">
      <t>ニチ</t>
    </rPh>
    <phoneticPr fontId="2"/>
  </si>
  <si>
    <t>出展企業名</t>
    <phoneticPr fontId="2"/>
  </si>
  <si>
    <t>第３.1版</t>
    <rPh sb="0" eb="1">
      <t>ダイ</t>
    </rPh>
    <rPh sb="4" eb="5">
      <t>ハン</t>
    </rPh>
    <phoneticPr fontId="2"/>
  </si>
  <si>
    <r>
      <t>■</t>
    </r>
    <r>
      <rPr>
        <sz val="14"/>
        <color indexed="8"/>
        <rFont val="ＭＳ Ｐゴシック"/>
        <family val="3"/>
        <charset val="128"/>
      </rPr>
      <t xml:space="preserve"> 商品特性と取引条件</t>
    </r>
  </si>
  <si>
    <t>年間売上高</t>
    <phoneticPr fontId="2"/>
  </si>
  <si>
    <r>
      <t xml:space="preserve">従業員数
</t>
    </r>
    <r>
      <rPr>
        <sz val="8"/>
        <color indexed="8"/>
        <rFont val="ＭＳ Ｐゴシック"/>
        <family val="3"/>
        <charset val="128"/>
      </rPr>
      <t>（社員○名、パート○名など）</t>
    </r>
    <rPh sb="6" eb="8">
      <t>シャイン</t>
    </rPh>
    <rPh sb="9" eb="10">
      <t>メイ</t>
    </rPh>
    <rPh sb="15" eb="16">
      <t>メイ</t>
    </rPh>
    <phoneticPr fontId="2"/>
  </si>
  <si>
    <t>商品名</t>
    <phoneticPr fontId="2"/>
  </si>
  <si>
    <t>代表者氏名</t>
    <phoneticPr fontId="2"/>
  </si>
  <si>
    <t>写真</t>
    <rPh sb="0" eb="2">
      <t>シャシン</t>
    </rPh>
    <phoneticPr fontId="2"/>
  </si>
  <si>
    <t>メッセージ</t>
    <phoneticPr fontId="2"/>
  </si>
  <si>
    <r>
      <rPr>
        <sz val="10"/>
        <color indexed="8"/>
        <rFont val="ＭＳ Ｐゴシック"/>
        <family val="3"/>
        <charset val="128"/>
      </rPr>
      <t>提供可能時期</t>
    </r>
    <r>
      <rPr>
        <sz val="8"/>
        <color indexed="8"/>
        <rFont val="ＭＳ Ｐゴシック"/>
        <family val="3"/>
        <charset val="128"/>
      </rPr>
      <t xml:space="preserve">
</t>
    </r>
    <r>
      <rPr>
        <sz val="7"/>
        <color indexed="8"/>
        <rFont val="ＭＳ Ｐゴシック"/>
        <family val="3"/>
        <charset val="128"/>
      </rPr>
      <t>（最もおいしい時期を（ ）内に記載）</t>
    </r>
    <rPh sb="0" eb="2">
      <t>テイキョウ</t>
    </rPh>
    <rPh sb="2" eb="4">
      <t>カノウ</t>
    </rPh>
    <rPh sb="8" eb="9">
      <t>モット</t>
    </rPh>
    <rPh sb="14" eb="16">
      <t>ジキ</t>
    </rPh>
    <rPh sb="20" eb="21">
      <t>ナイ</t>
    </rPh>
    <rPh sb="22" eb="24">
      <t>キサイ</t>
    </rPh>
    <phoneticPr fontId="2"/>
  </si>
  <si>
    <t>（　　　　　）</t>
    <phoneticPr fontId="2"/>
  </si>
  <si>
    <t>賞味期限／消費期限</t>
    <phoneticPr fontId="2"/>
  </si>
  <si>
    <t>賞味期限</t>
    <rPh sb="0" eb="2">
      <t>ショウミ</t>
    </rPh>
    <rPh sb="2" eb="4">
      <t>キゲン</t>
    </rPh>
    <phoneticPr fontId="2"/>
  </si>
  <si>
    <t>消費期限</t>
    <rPh sb="0" eb="2">
      <t>ショウヒ</t>
    </rPh>
    <rPh sb="2" eb="4">
      <t>キゲン</t>
    </rPh>
    <phoneticPr fontId="2"/>
  </si>
  <si>
    <t>選択（又は右に記入）</t>
    <rPh sb="0" eb="2">
      <t>センタク</t>
    </rPh>
    <rPh sb="3" eb="4">
      <t>マタ</t>
    </rPh>
    <rPh sb="5" eb="6">
      <t>ミギ</t>
    </rPh>
    <rPh sb="7" eb="9">
      <t>キニュウ</t>
    </rPh>
    <phoneticPr fontId="2"/>
  </si>
  <si>
    <r>
      <t xml:space="preserve">主原料産地
</t>
    </r>
    <r>
      <rPr>
        <sz val="9"/>
        <color indexed="8"/>
        <rFont val="ＭＳ Ｐゴシック"/>
        <family val="3"/>
        <charset val="128"/>
      </rPr>
      <t>（漁獲場所等）</t>
    </r>
    <phoneticPr fontId="2"/>
  </si>
  <si>
    <r>
      <t xml:space="preserve">JANコード
</t>
    </r>
    <r>
      <rPr>
        <sz val="9"/>
        <color indexed="8"/>
        <rFont val="ＭＳ Ｐゴシック"/>
        <family val="3"/>
        <charset val="128"/>
      </rPr>
      <t>（13桁もしくは８桁）</t>
    </r>
    <rPh sb="10" eb="11">
      <t>ケタ</t>
    </rPh>
    <rPh sb="16" eb="17">
      <t>ケタ</t>
    </rPh>
    <phoneticPr fontId="2"/>
  </si>
  <si>
    <t>内容量</t>
    <phoneticPr fontId="2"/>
  </si>
  <si>
    <t>希望小売価格</t>
    <phoneticPr fontId="2"/>
  </si>
  <si>
    <t>税抜</t>
    <rPh sb="0" eb="2">
      <t>ゼイヌ</t>
    </rPh>
    <phoneticPr fontId="2"/>
  </si>
  <si>
    <r>
      <t>税込</t>
    </r>
    <r>
      <rPr>
        <sz val="8"/>
        <color indexed="8"/>
        <rFont val="ＭＳ Ｐゴシック"/>
        <family val="3"/>
        <charset val="128"/>
      </rPr>
      <t>（切捨）</t>
    </r>
    <rPh sb="0" eb="2">
      <t>ゼイコ</t>
    </rPh>
    <rPh sb="3" eb="4">
      <t>キ</t>
    </rPh>
    <rPh sb="4" eb="5">
      <t>ス</t>
    </rPh>
    <phoneticPr fontId="2"/>
  </si>
  <si>
    <t>チルド</t>
    <phoneticPr fontId="2"/>
  </si>
  <si>
    <t>税率</t>
    <phoneticPr fontId="2"/>
  </si>
  <si>
    <t>1ケースあたり入数</t>
    <phoneticPr fontId="2"/>
  </si>
  <si>
    <t>保存温度帯</t>
    <phoneticPr fontId="2"/>
  </si>
  <si>
    <t>ホームページ</t>
    <phoneticPr fontId="2"/>
  </si>
  <si>
    <t>その他(詳細記載）</t>
    <rPh sb="2" eb="3">
      <t>ホカ</t>
    </rPh>
    <rPh sb="4" eb="6">
      <t>ショウサイ</t>
    </rPh>
    <rPh sb="6" eb="8">
      <t>キサイ</t>
    </rPh>
    <phoneticPr fontId="2"/>
  </si>
  <si>
    <t>発注リードタイム</t>
    <phoneticPr fontId="2"/>
  </si>
  <si>
    <t>販売エリアの制限</t>
    <phoneticPr fontId="2"/>
  </si>
  <si>
    <t>会社所在地</t>
    <phoneticPr fontId="2"/>
  </si>
  <si>
    <t>〒</t>
    <phoneticPr fontId="2"/>
  </si>
  <si>
    <r>
      <rPr>
        <sz val="9"/>
        <color indexed="8"/>
        <rFont val="ＭＳ Ｐゴシック"/>
        <family val="3"/>
        <charset val="128"/>
      </rPr>
      <t>最大・最小ケース納品単位</t>
    </r>
    <r>
      <rPr>
        <sz val="8"/>
        <color indexed="8"/>
        <rFont val="ＭＳ Ｐゴシック"/>
        <family val="3"/>
        <charset val="128"/>
      </rPr>
      <t xml:space="preserve">
</t>
    </r>
    <r>
      <rPr>
        <sz val="7"/>
        <color indexed="8"/>
        <rFont val="ＭＳ Ｐゴシック"/>
        <family val="3"/>
        <charset val="128"/>
      </rPr>
      <t>（◎ケース／日　など単位も記載）</t>
    </r>
    <rPh sb="0" eb="2">
      <t>サイダイ</t>
    </rPh>
    <rPh sb="4" eb="5">
      <t>ショウ</t>
    </rPh>
    <rPh sb="19" eb="20">
      <t>ニチ</t>
    </rPh>
    <rPh sb="23" eb="25">
      <t>タンイ</t>
    </rPh>
    <rPh sb="26" eb="28">
      <t>キサイ</t>
    </rPh>
    <phoneticPr fontId="2"/>
  </si>
  <si>
    <t>最大</t>
    <rPh sb="0" eb="2">
      <t>サイダイ</t>
    </rPh>
    <phoneticPr fontId="2"/>
  </si>
  <si>
    <t>最小</t>
    <rPh sb="0" eb="1">
      <t>サイ</t>
    </rPh>
    <rPh sb="1" eb="2">
      <t>ショウ</t>
    </rPh>
    <phoneticPr fontId="2"/>
  </si>
  <si>
    <t>ケースサイズ（重量）</t>
    <phoneticPr fontId="2"/>
  </si>
  <si>
    <t>縦(㌢)　　×　　横(㌢)　　×　　高さ(㌢）</t>
    <phoneticPr fontId="2"/>
  </si>
  <si>
    <t>重量（㌔）</t>
    <rPh sb="0" eb="2">
      <t>ジュウリョウ</t>
    </rPh>
    <phoneticPr fontId="2"/>
  </si>
  <si>
    <t>工場等所在地</t>
    <rPh sb="2" eb="3">
      <t>トウ</t>
    </rPh>
    <rPh sb="3" eb="6">
      <t>ショザイチ</t>
    </rPh>
    <phoneticPr fontId="2"/>
  </si>
  <si>
    <r>
      <rPr>
        <sz val="10"/>
        <color indexed="8"/>
        <rFont val="ＭＳ Ｐゴシック"/>
        <family val="3"/>
        <charset val="128"/>
      </rPr>
      <t>認証等</t>
    </r>
    <r>
      <rPr>
        <sz val="8"/>
        <color indexed="8"/>
        <rFont val="ＭＳ Ｐゴシック"/>
        <family val="3"/>
        <charset val="128"/>
      </rPr>
      <t xml:space="preserve">
（商品・工場・農場等）</t>
    </r>
    <rPh sb="11" eb="13">
      <t>ノウジョウ</t>
    </rPh>
    <phoneticPr fontId="2"/>
  </si>
  <si>
    <t>担当者</t>
    <rPh sb="0" eb="3">
      <t>タントウシャ</t>
    </rPh>
    <phoneticPr fontId="2"/>
  </si>
  <si>
    <t>E - m a i l</t>
    <phoneticPr fontId="2"/>
  </si>
  <si>
    <t>T E L</t>
    <phoneticPr fontId="2"/>
  </si>
  <si>
    <t>F A X</t>
    <phoneticPr fontId="2"/>
  </si>
  <si>
    <t>　　※印のものは、具体的な取得内容を記載　→</t>
    <rPh sb="3" eb="4">
      <t>ジルシ</t>
    </rPh>
    <rPh sb="9" eb="12">
      <t>グタイテキ</t>
    </rPh>
    <rPh sb="13" eb="15">
      <t>シュトク</t>
    </rPh>
    <rPh sb="15" eb="17">
      <t>ナイヨウ</t>
    </rPh>
    <rPh sb="18" eb="20">
      <t>キサイ</t>
    </rPh>
    <phoneticPr fontId="2"/>
  </si>
  <si>
    <t>ターゲット</t>
  </si>
  <si>
    <t>売り先</t>
    <phoneticPr fontId="2"/>
  </si>
  <si>
    <r>
      <t>■</t>
    </r>
    <r>
      <rPr>
        <sz val="13"/>
        <color indexed="8"/>
        <rFont val="ＭＳ Ｐゴシック"/>
        <family val="3"/>
        <charset val="128"/>
      </rPr>
      <t xml:space="preserve"> 生産・製造工程</t>
    </r>
    <r>
      <rPr>
        <sz val="13"/>
        <color indexed="8"/>
        <rFont val="ＭＳ Ｐゴシック"/>
        <family val="3"/>
        <charset val="128"/>
      </rPr>
      <t>アピールポイント　　※農産品の場合は栽培面積・年間収穫量なども記載</t>
    </r>
    <rPh sb="2" eb="4">
      <t>セイサン</t>
    </rPh>
    <rPh sb="20" eb="23">
      <t>ノウサンヒン</t>
    </rPh>
    <rPh sb="24" eb="26">
      <t>バアイ</t>
    </rPh>
    <rPh sb="27" eb="29">
      <t>サイバイ</t>
    </rPh>
    <rPh sb="29" eb="31">
      <t>メンセキ</t>
    </rPh>
    <rPh sb="32" eb="34">
      <t>ネンカン</t>
    </rPh>
    <rPh sb="34" eb="37">
      <t>シュウカクリョウ</t>
    </rPh>
    <rPh sb="40" eb="42">
      <t>キサイ</t>
    </rPh>
    <phoneticPr fontId="2"/>
  </si>
  <si>
    <r>
      <t xml:space="preserve">お客様
</t>
    </r>
    <r>
      <rPr>
        <sz val="9"/>
        <color indexed="8"/>
        <rFont val="ＭＳ Ｐゴシック"/>
        <family val="3"/>
        <charset val="128"/>
      </rPr>
      <t>（性別・年齢層など）</t>
    </r>
    <rPh sb="5" eb="7">
      <t>セイベツ</t>
    </rPh>
    <rPh sb="8" eb="10">
      <t>ネンレイ</t>
    </rPh>
    <rPh sb="10" eb="11">
      <t>ソウ</t>
    </rPh>
    <phoneticPr fontId="2"/>
  </si>
  <si>
    <r>
      <rPr>
        <sz val="10"/>
        <color indexed="8"/>
        <rFont val="ＭＳ Ｐゴシック"/>
        <family val="3"/>
        <charset val="128"/>
      </rPr>
      <t>利用シーン</t>
    </r>
    <r>
      <rPr>
        <sz val="9"/>
        <color indexed="8"/>
        <rFont val="ＭＳ Ｐゴシック"/>
        <family val="3"/>
        <charset val="128"/>
      </rPr>
      <t xml:space="preserve">
</t>
    </r>
    <r>
      <rPr>
        <sz val="8"/>
        <color indexed="8"/>
        <rFont val="ＭＳ Ｐゴシック"/>
        <family val="3"/>
        <charset val="128"/>
      </rPr>
      <t>（利用方法・おすすめレシピ等）</t>
    </r>
    <phoneticPr fontId="2"/>
  </si>
  <si>
    <t>商品特徴</t>
  </si>
  <si>
    <t>写　真</t>
    <rPh sb="0" eb="1">
      <t>シャ</t>
    </rPh>
    <rPh sb="2" eb="3">
      <t>マコト</t>
    </rPh>
    <phoneticPr fontId="2"/>
  </si>
  <si>
    <r>
      <t>■</t>
    </r>
    <r>
      <rPr>
        <sz val="14"/>
        <color indexed="8"/>
        <rFont val="ＭＳ Ｐゴシック"/>
        <family val="3"/>
        <charset val="128"/>
      </rPr>
      <t xml:space="preserve"> 商品写真</t>
    </r>
  </si>
  <si>
    <t>写真
商品の全体がわかる写真を貼付</t>
    <rPh sb="0" eb="2">
      <t>シャシン</t>
    </rPh>
    <rPh sb="3" eb="5">
      <t>ショウヒン</t>
    </rPh>
    <rPh sb="6" eb="8">
      <t>ゼンタイ</t>
    </rPh>
    <rPh sb="12" eb="14">
      <t>シャシン</t>
    </rPh>
    <rPh sb="15" eb="17">
      <t>ハリツケ</t>
    </rPh>
    <phoneticPr fontId="2"/>
  </si>
  <si>
    <t>一括表示
（現物の写真を字が読めるように画像で貼付）</t>
    <rPh sb="6" eb="8">
      <t>ゲンブツ</t>
    </rPh>
    <rPh sb="9" eb="11">
      <t>シャシン</t>
    </rPh>
    <rPh sb="12" eb="13">
      <t>ジ</t>
    </rPh>
    <rPh sb="14" eb="15">
      <t>ヨ</t>
    </rPh>
    <rPh sb="20" eb="22">
      <t>ガゾウ</t>
    </rPh>
    <rPh sb="23" eb="25">
      <t>ハリツケ</t>
    </rPh>
    <phoneticPr fontId="2"/>
  </si>
  <si>
    <r>
      <t>■</t>
    </r>
    <r>
      <rPr>
        <sz val="13"/>
        <color indexed="8"/>
        <rFont val="ＭＳ Ｐゴシック"/>
        <family val="3"/>
        <charset val="128"/>
      </rPr>
      <t xml:space="preserve"> 品質管理情報</t>
    </r>
  </si>
  <si>
    <t>商品検査の有無</t>
    <phoneticPr fontId="2"/>
  </si>
  <si>
    <t>衛生管理への取組</t>
    <phoneticPr fontId="2"/>
  </si>
  <si>
    <t>生産・製造
工程の管理</t>
    <rPh sb="0" eb="2">
      <t>セイサン</t>
    </rPh>
    <phoneticPr fontId="2"/>
  </si>
  <si>
    <r>
      <rPr>
        <sz val="14"/>
        <color indexed="9"/>
        <rFont val="ＭＳ Ｐゴシック"/>
        <family val="3"/>
        <charset val="128"/>
      </rPr>
      <t>ア レ ル ギ ー 表 示 （ 特 定 原 材 料 ）　</t>
    </r>
    <r>
      <rPr>
        <sz val="10"/>
        <color indexed="9"/>
        <rFont val="ＭＳ Ｐゴシック"/>
        <family val="3"/>
        <charset val="128"/>
      </rPr>
      <t xml:space="preserve">
※使用している項目に☑、使用していない場合は以下の欄に大きく×をする。</t>
    </r>
    <rPh sb="41" eb="43">
      <t>シヨウ</t>
    </rPh>
    <rPh sb="48" eb="50">
      <t>バアイ</t>
    </rPh>
    <rPh sb="51" eb="53">
      <t>イカ</t>
    </rPh>
    <rPh sb="54" eb="55">
      <t>ラン</t>
    </rPh>
    <rPh sb="56" eb="57">
      <t>オオ</t>
    </rPh>
    <phoneticPr fontId="2"/>
  </si>
  <si>
    <t>従業員の管理</t>
    <phoneticPr fontId="2"/>
  </si>
  <si>
    <t>表示義務有</t>
    <rPh sb="0" eb="2">
      <t>ヒョウジ</t>
    </rPh>
    <rPh sb="2" eb="4">
      <t>ギム</t>
    </rPh>
    <rPh sb="4" eb="5">
      <t>ア</t>
    </rPh>
    <phoneticPr fontId="2"/>
  </si>
  <si>
    <t>施設設備の管理</t>
    <phoneticPr fontId="2"/>
  </si>
  <si>
    <t>表示を奨励
（任意表示）</t>
    <rPh sb="0" eb="2">
      <t>ヒョウジ</t>
    </rPh>
    <rPh sb="3" eb="5">
      <t>ショウレイ</t>
    </rPh>
    <rPh sb="7" eb="9">
      <t>ニンイ</t>
    </rPh>
    <rPh sb="9" eb="11">
      <t>ヒョウジ</t>
    </rPh>
    <phoneticPr fontId="2"/>
  </si>
  <si>
    <t>危 機 管 理 体 制</t>
    <rPh sb="0" eb="1">
      <t>キ</t>
    </rPh>
    <rPh sb="2" eb="3">
      <t>キ</t>
    </rPh>
    <rPh sb="4" eb="5">
      <t>カン</t>
    </rPh>
    <rPh sb="6" eb="7">
      <t>リ</t>
    </rPh>
    <rPh sb="8" eb="9">
      <t>タイ</t>
    </rPh>
    <rPh sb="10" eb="11">
      <t>セイ</t>
    </rPh>
    <phoneticPr fontId="2"/>
  </si>
  <si>
    <t>担当者連絡先</t>
    <rPh sb="0" eb="3">
      <t>タントウシャ</t>
    </rPh>
    <rPh sb="3" eb="5">
      <t>レンラク</t>
    </rPh>
    <rPh sb="5" eb="6">
      <t>サキ</t>
    </rPh>
    <phoneticPr fontId="2"/>
  </si>
  <si>
    <t>担当者名または
担当部署名</t>
    <rPh sb="0" eb="3">
      <t>タントウシャ</t>
    </rPh>
    <rPh sb="3" eb="4">
      <t>メイ</t>
    </rPh>
    <rPh sb="8" eb="10">
      <t>タントウ</t>
    </rPh>
    <rPh sb="10" eb="12">
      <t>ブショ</t>
    </rPh>
    <rPh sb="12" eb="13">
      <t>メイ</t>
    </rPh>
    <phoneticPr fontId="2"/>
  </si>
  <si>
    <t>連絡先</t>
    <rPh sb="0" eb="3">
      <t>レンラクサキ</t>
    </rPh>
    <phoneticPr fontId="2"/>
  </si>
  <si>
    <t>備考</t>
    <rPh sb="0" eb="2">
      <t>ビコウ</t>
    </rPh>
    <phoneticPr fontId="2"/>
  </si>
  <si>
    <t>（当商品以外にアレルゲンを扱っている場合はその旨を記入）</t>
    <rPh sb="1" eb="2">
      <t>トウ</t>
    </rPh>
    <phoneticPr fontId="2"/>
  </si>
  <si>
    <t>危機管理に関する対応や生産物賠償責任保険(PL保険)の加入など</t>
    <rPh sb="0" eb="2">
      <t>キキ</t>
    </rPh>
    <rPh sb="2" eb="4">
      <t>カンリ</t>
    </rPh>
    <rPh sb="5" eb="6">
      <t>カン</t>
    </rPh>
    <rPh sb="8" eb="10">
      <t>タイオウ</t>
    </rPh>
    <rPh sb="11" eb="14">
      <t>セイサンブツ</t>
    </rPh>
    <rPh sb="14" eb="16">
      <t>バイショウ</t>
    </rPh>
    <rPh sb="16" eb="18">
      <t>セキニン</t>
    </rPh>
    <rPh sb="18" eb="20">
      <t>ホケン</t>
    </rPh>
    <rPh sb="23" eb="25">
      <t>ホケン</t>
    </rPh>
    <rPh sb="27" eb="29">
      <t>カニュウ</t>
    </rPh>
    <phoneticPr fontId="2"/>
  </si>
  <si>
    <t>※今後ＦＣＰ事務局がシート普及拡大のためにセミナー等で掲載内容の紹介を行うことについて　右欄に○をして下さい。（無記入の場合は紹介しません。）</t>
    <rPh sb="1" eb="3">
      <t>コンゴ</t>
    </rPh>
    <rPh sb="6" eb="9">
      <t>ジムキョク</t>
    </rPh>
    <rPh sb="13" eb="15">
      <t>フキュウ</t>
    </rPh>
    <rPh sb="15" eb="17">
      <t>カクダイ</t>
    </rPh>
    <rPh sb="25" eb="26">
      <t>トウ</t>
    </rPh>
    <rPh sb="27" eb="29">
      <t>ケイサイ</t>
    </rPh>
    <rPh sb="29" eb="31">
      <t>ナイヨウ</t>
    </rPh>
    <rPh sb="32" eb="34">
      <t>ショウカイ</t>
    </rPh>
    <rPh sb="35" eb="36">
      <t>オコナ</t>
    </rPh>
    <rPh sb="44" eb="45">
      <t>ミギ</t>
    </rPh>
    <rPh sb="45" eb="46">
      <t>ラン</t>
    </rPh>
    <rPh sb="51" eb="52">
      <t>クダ</t>
    </rPh>
    <rPh sb="56" eb="59">
      <t>ムキニュウ</t>
    </rPh>
    <rPh sb="60" eb="62">
      <t>バアイ</t>
    </rPh>
    <rPh sb="63" eb="65">
      <t>ショウカイ</t>
    </rPh>
    <phoneticPr fontId="2"/>
  </si>
  <si>
    <t>承諾　・　拒否</t>
    <rPh sb="0" eb="2">
      <t>ショウダク</t>
    </rPh>
    <rPh sb="5" eb="7">
      <t>キョヒ</t>
    </rPh>
    <phoneticPr fontId="2"/>
  </si>
  <si>
    <t>このシートは農林水産省フード・コミュニケーション・プロジェクト（FCP）により、作成されました。詳しくはhttp://www.maff.go.jp/j/shokusan/fcp/index.htmlをご覧下さい。</t>
    <rPh sb="48" eb="49">
      <t>クワ</t>
    </rPh>
    <rPh sb="101" eb="102">
      <t>ラン</t>
    </rPh>
    <rPh sb="102" eb="103">
      <t>クダ</t>
    </rPh>
    <phoneticPr fontId="2"/>
  </si>
  <si>
    <t>〇</t>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5" formatCode="&quot;¥&quot;#,##0;&quot;¥&quot;\-#,##0"/>
    <numFmt numFmtId="176" formatCode="0.0;_ᰅ"/>
    <numFmt numFmtId="177" formatCode="0.0_ "/>
  </numFmts>
  <fonts count="50">
    <font>
      <sz val="11"/>
      <name val="ＭＳ Ｐゴシック"/>
      <family val="3"/>
      <charset val="128"/>
    </font>
    <font>
      <sz val="11"/>
      <color theme="1"/>
      <name val="Yu Gothic"/>
      <family val="2"/>
      <charset val="128"/>
      <scheme val="minor"/>
    </font>
    <font>
      <sz val="6"/>
      <name val="ＭＳ Ｐゴシック"/>
      <family val="3"/>
      <charset val="128"/>
    </font>
    <font>
      <u/>
      <sz val="11"/>
      <color indexed="12"/>
      <name val="ＭＳ Ｐゴシック"/>
      <family val="3"/>
      <charset val="128"/>
    </font>
    <font>
      <sz val="11"/>
      <name val="ＭＳ Ｐゴシック"/>
      <family val="3"/>
      <charset val="128"/>
    </font>
    <font>
      <sz val="11"/>
      <name val="BIZ UDPゴシック"/>
      <family val="3"/>
      <charset val="128"/>
    </font>
    <font>
      <b/>
      <sz val="11"/>
      <name val="BIZ UDPゴシック"/>
      <family val="3"/>
      <charset val="128"/>
    </font>
    <font>
      <sz val="11"/>
      <color theme="1"/>
      <name val="ＭＳ Ｐゴシック"/>
      <family val="3"/>
      <charset val="128"/>
    </font>
    <font>
      <b/>
      <sz val="30"/>
      <color indexed="9"/>
      <name val="ＭＳ Ｐゴシック"/>
      <family val="3"/>
      <charset val="128"/>
    </font>
    <font>
      <b/>
      <sz val="14"/>
      <color theme="0"/>
      <name val="ＭＳ Ｐゴシック"/>
      <family val="3"/>
      <charset val="128"/>
    </font>
    <font>
      <b/>
      <sz val="18"/>
      <name val="ＭＳ Ｐゴシック"/>
      <family val="3"/>
      <charset val="128"/>
    </font>
    <font>
      <b/>
      <sz val="16"/>
      <name val="ＭＳ Ｐゴシック"/>
      <family val="3"/>
      <charset val="128"/>
    </font>
    <font>
      <sz val="16"/>
      <color indexed="9"/>
      <name val="ＭＳ Ｐゴシック"/>
      <family val="3"/>
      <charset val="128"/>
    </font>
    <font>
      <sz val="13"/>
      <color indexed="53"/>
      <name val="ＭＳ Ｐゴシック"/>
      <family val="3"/>
      <charset val="128"/>
    </font>
    <font>
      <sz val="13"/>
      <color indexed="8"/>
      <name val="ＭＳ Ｐゴシック"/>
      <family val="3"/>
      <charset val="128"/>
    </font>
    <font>
      <sz val="10"/>
      <color indexed="8"/>
      <name val="ＭＳ Ｐゴシック"/>
      <family val="3"/>
      <charset val="128"/>
    </font>
    <font>
      <b/>
      <sz val="20"/>
      <color indexed="8"/>
      <name val="Yu Gothic Light"/>
      <family val="3"/>
      <charset val="128"/>
      <scheme val="major"/>
    </font>
    <font>
      <sz val="14"/>
      <color theme="3" tint="-0.249977111117893"/>
      <name val="ＤＦ特太ゴシック体"/>
      <family val="3"/>
      <charset val="128"/>
    </font>
    <font>
      <sz val="10.5"/>
      <color indexed="8"/>
      <name val="ＭＳ Ｐゴシック"/>
      <family val="3"/>
      <charset val="128"/>
    </font>
    <font>
      <sz val="12"/>
      <color indexed="8"/>
      <name val="Yu Gothic"/>
      <family val="3"/>
      <charset val="128"/>
      <scheme val="minor"/>
    </font>
    <font>
      <sz val="14"/>
      <color indexed="53"/>
      <name val="ＭＳ Ｐゴシック"/>
      <family val="3"/>
      <charset val="128"/>
    </font>
    <font>
      <sz val="14"/>
      <color indexed="8"/>
      <name val="ＭＳ Ｐゴシック"/>
      <family val="3"/>
      <charset val="128"/>
    </font>
    <font>
      <sz val="14"/>
      <color indexed="8"/>
      <name val="Yu Gothic Light"/>
      <family val="3"/>
      <charset val="128"/>
      <scheme val="major"/>
    </font>
    <font>
      <sz val="8"/>
      <color indexed="8"/>
      <name val="ＭＳ Ｐゴシック"/>
      <family val="3"/>
      <charset val="128"/>
    </font>
    <font>
      <b/>
      <sz val="16"/>
      <color indexed="8"/>
      <name val="Yu Gothic Light"/>
      <family val="3"/>
      <charset val="128"/>
      <scheme val="major"/>
    </font>
    <font>
      <b/>
      <sz val="11"/>
      <color theme="1"/>
      <name val="ＭＳ Ｐゴシック"/>
      <family val="3"/>
      <charset val="128"/>
    </font>
    <font>
      <sz val="7"/>
      <color indexed="8"/>
      <name val="ＭＳ Ｐゴシック"/>
      <family val="3"/>
      <charset val="128"/>
    </font>
    <font>
      <sz val="8"/>
      <color theme="1"/>
      <name val="ＭＳ Ｐゴシック"/>
      <family val="3"/>
      <charset val="128"/>
    </font>
    <font>
      <b/>
      <sz val="14"/>
      <color indexed="8"/>
      <name val="Yu Gothic Light"/>
      <family val="3"/>
      <charset val="128"/>
      <scheme val="major"/>
    </font>
    <font>
      <sz val="9"/>
      <color indexed="8"/>
      <name val="ＭＳ Ｐゴシック"/>
      <family val="3"/>
      <charset val="128"/>
    </font>
    <font>
      <sz val="14"/>
      <color theme="1"/>
      <name val="Yu Gothic Light"/>
      <family val="3"/>
      <charset val="128"/>
      <scheme val="major"/>
    </font>
    <font>
      <b/>
      <sz val="10"/>
      <color indexed="8"/>
      <name val="ＭＳ Ｐゴシック"/>
      <family val="3"/>
      <charset val="128"/>
    </font>
    <font>
      <b/>
      <sz val="14"/>
      <color indexed="8"/>
      <name val="ＭＳ Ｐゴシック"/>
      <family val="3"/>
      <charset val="128"/>
    </font>
    <font>
      <sz val="14"/>
      <color theme="1"/>
      <name val="ＭＳ Ｐゴシック"/>
      <family val="3"/>
      <charset val="128"/>
    </font>
    <font>
      <sz val="14"/>
      <color indexed="12"/>
      <name val="Yu Gothic Light"/>
      <family val="3"/>
      <charset val="128"/>
      <scheme val="major"/>
    </font>
    <font>
      <sz val="12"/>
      <color indexed="8"/>
      <name val="Yu Gothic Light"/>
      <family val="3"/>
      <charset val="128"/>
      <scheme val="major"/>
    </font>
    <font>
      <sz val="8"/>
      <name val="ＭＳ Ｐゴシック"/>
      <family val="3"/>
      <charset val="128"/>
    </font>
    <font>
      <b/>
      <sz val="12"/>
      <color indexed="8"/>
      <name val="Yu Gothic Light"/>
      <family val="3"/>
      <charset val="128"/>
      <scheme val="major"/>
    </font>
    <font>
      <b/>
      <sz val="12"/>
      <color indexed="8"/>
      <name val="ＭＳ Ｐゴシック"/>
      <family val="3"/>
      <charset val="128"/>
    </font>
    <font>
      <sz val="18"/>
      <color indexed="8"/>
      <name val="ＭＳ Ｐゴシック"/>
      <family val="3"/>
      <charset val="128"/>
    </font>
    <font>
      <sz val="10"/>
      <name val="ＭＳ Ｐゴシック"/>
      <family val="3"/>
      <charset val="128"/>
    </font>
    <font>
      <sz val="11"/>
      <color indexed="8"/>
      <name val="ＭＳ Ｐゴシック"/>
      <family val="3"/>
      <charset val="128"/>
    </font>
    <font>
      <sz val="12"/>
      <name val="Yu Gothic Light"/>
      <family val="3"/>
      <charset val="128"/>
      <scheme val="major"/>
    </font>
    <font>
      <sz val="10"/>
      <color indexed="9"/>
      <name val="ＭＳ Ｐゴシック"/>
      <family val="3"/>
      <charset val="128"/>
    </font>
    <font>
      <sz val="14"/>
      <color indexed="9"/>
      <name val="ＭＳ Ｐゴシック"/>
      <family val="3"/>
      <charset val="128"/>
    </font>
    <font>
      <sz val="11"/>
      <color indexed="9"/>
      <name val="ＭＳ Ｐゴシック"/>
      <family val="3"/>
      <charset val="128"/>
    </font>
    <font>
      <sz val="10"/>
      <color theme="1"/>
      <name val="ＭＳ Ｐゴシック"/>
      <family val="3"/>
      <charset val="128"/>
    </font>
    <font>
      <b/>
      <sz val="11"/>
      <color rgb="FF00602B"/>
      <name val="ＭＳ Ｐゴシック"/>
      <family val="3"/>
      <charset val="128"/>
    </font>
    <font>
      <strike/>
      <sz val="11"/>
      <color theme="1"/>
      <name val="ＭＳ Ｐゴシック"/>
      <family val="3"/>
      <charset val="128"/>
    </font>
    <font>
      <sz val="9"/>
      <color rgb="FF000000"/>
      <name val="MS UI Gothic"/>
      <family val="3"/>
      <charset val="128"/>
    </font>
  </fonts>
  <fills count="17">
    <fill>
      <patternFill patternType="none"/>
    </fill>
    <fill>
      <patternFill patternType="gray125"/>
    </fill>
    <fill>
      <patternFill patternType="solid">
        <fgColor theme="0"/>
        <bgColor indexed="64"/>
      </patternFill>
    </fill>
    <fill>
      <patternFill patternType="solid">
        <fgColor indexed="9"/>
        <bgColor indexed="64"/>
      </patternFill>
    </fill>
    <fill>
      <patternFill patternType="solid">
        <fgColor rgb="FF00B050"/>
        <bgColor indexed="64"/>
      </patternFill>
    </fill>
    <fill>
      <patternFill patternType="solid">
        <fgColor theme="9" tint="0.59999389629810485"/>
        <bgColor indexed="64"/>
      </patternFill>
    </fill>
    <fill>
      <gradientFill degree="180">
        <stop position="0">
          <color rgb="FFC6E6A2"/>
        </stop>
        <stop position="1">
          <color rgb="FF92D050"/>
        </stop>
      </gradientFill>
    </fill>
    <fill>
      <patternFill patternType="solid">
        <fgColor rgb="FFFFCCCC"/>
        <bgColor indexed="64"/>
      </patternFill>
    </fill>
    <fill>
      <patternFill patternType="solid">
        <fgColor rgb="FFC8FDB5"/>
        <bgColor indexed="64"/>
      </patternFill>
    </fill>
    <fill>
      <patternFill patternType="solid">
        <fgColor rgb="FFFFC000"/>
        <bgColor indexed="64"/>
      </patternFill>
    </fill>
    <fill>
      <patternFill patternType="solid">
        <fgColor indexed="43"/>
        <bgColor indexed="64"/>
      </patternFill>
    </fill>
    <fill>
      <patternFill patternType="solid">
        <fgColor rgb="FFFFFF99"/>
        <bgColor indexed="64"/>
      </patternFill>
    </fill>
    <fill>
      <patternFill patternType="solid">
        <fgColor indexed="51"/>
        <bgColor indexed="64"/>
      </patternFill>
    </fill>
    <fill>
      <patternFill patternType="solid">
        <fgColor rgb="FFFFCC00"/>
        <bgColor indexed="64"/>
      </patternFill>
    </fill>
    <fill>
      <patternFill patternType="solid">
        <fgColor indexed="22"/>
        <bgColor indexed="64"/>
      </patternFill>
    </fill>
    <fill>
      <patternFill patternType="solid">
        <fgColor theme="1"/>
        <bgColor indexed="64"/>
      </patternFill>
    </fill>
    <fill>
      <patternFill patternType="solid">
        <fgColor theme="0" tint="-0.14999847407452621"/>
        <bgColor indexed="64"/>
      </patternFill>
    </fill>
  </fills>
  <borders count="87">
    <border>
      <left/>
      <right/>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style="thin">
        <color indexed="64"/>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right/>
      <top/>
      <bottom style="hair">
        <color indexed="64"/>
      </bottom>
      <diagonal/>
    </border>
    <border>
      <left style="thin">
        <color theme="0" tint="-0.34998626667073579"/>
      </left>
      <right/>
      <top style="thin">
        <color theme="0" tint="-0.34998626667073579"/>
      </top>
      <bottom/>
      <diagonal/>
    </border>
    <border>
      <left/>
      <right/>
      <top style="thin">
        <color theme="0" tint="-0.34998626667073579"/>
      </top>
      <bottom/>
      <diagonal/>
    </border>
    <border>
      <left/>
      <right style="thin">
        <color theme="0" tint="-0.34998626667073579"/>
      </right>
      <top style="thin">
        <color theme="0" tint="-0.34998626667073579"/>
      </top>
      <bottom/>
      <diagonal/>
    </border>
    <border>
      <left style="thin">
        <color theme="0" tint="-0.34998626667073579"/>
      </left>
      <right/>
      <top/>
      <bottom style="thin">
        <color theme="0" tint="-0.34998626667073579"/>
      </bottom>
      <diagonal/>
    </border>
    <border>
      <left/>
      <right/>
      <top/>
      <bottom style="thin">
        <color theme="0" tint="-0.34998626667073579"/>
      </bottom>
      <diagonal/>
    </border>
    <border>
      <left/>
      <right style="thin">
        <color theme="0" tint="-0.34998626667073579"/>
      </right>
      <top/>
      <bottom style="thin">
        <color theme="0" tint="-0.34998626667073579"/>
      </bottom>
      <diagonal/>
    </border>
    <border>
      <left/>
      <right/>
      <top style="medium">
        <color rgb="FF00B050"/>
      </top>
      <bottom/>
      <diagonal/>
    </border>
    <border>
      <left/>
      <right style="medium">
        <color theme="0"/>
      </right>
      <top style="medium">
        <color rgb="FF00B050"/>
      </top>
      <bottom/>
      <diagonal/>
    </border>
    <border>
      <left style="medium">
        <color theme="0"/>
      </left>
      <right style="medium">
        <color rgb="FF00B050"/>
      </right>
      <top style="medium">
        <color rgb="FF00B050"/>
      </top>
      <bottom/>
      <diagonal/>
    </border>
    <border>
      <left/>
      <right style="medium">
        <color rgb="FF00B050"/>
      </right>
      <top style="medium">
        <color rgb="FF00B050"/>
      </top>
      <bottom/>
      <diagonal/>
    </border>
    <border>
      <left/>
      <right style="medium">
        <color theme="0"/>
      </right>
      <top/>
      <bottom/>
      <diagonal/>
    </border>
    <border>
      <left style="medium">
        <color theme="0"/>
      </left>
      <right style="medium">
        <color rgb="FF00B050"/>
      </right>
      <top/>
      <bottom/>
      <diagonal/>
    </border>
    <border>
      <left/>
      <right style="medium">
        <color rgb="FF00B050"/>
      </right>
      <top/>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right/>
      <top/>
      <bottom style="medium">
        <color rgb="FF00B050"/>
      </bottom>
      <diagonal/>
    </border>
    <border>
      <left/>
      <right style="medium">
        <color theme="0"/>
      </right>
      <top/>
      <bottom style="medium">
        <color rgb="FF00B050"/>
      </bottom>
      <diagonal/>
    </border>
    <border>
      <left style="medium">
        <color theme="0"/>
      </left>
      <right style="medium">
        <color rgb="FF00B050"/>
      </right>
      <top/>
      <bottom style="medium">
        <color rgb="FF00B050"/>
      </bottom>
      <diagonal/>
    </border>
    <border>
      <left/>
      <right style="medium">
        <color rgb="FF00B050"/>
      </right>
      <top/>
      <bottom style="medium">
        <color rgb="FF00B050"/>
      </bottom>
      <diagonal/>
    </border>
    <border>
      <left style="medium">
        <color indexed="64"/>
      </left>
      <right/>
      <top/>
      <bottom/>
      <diagonal/>
    </border>
    <border>
      <left/>
      <right style="thin">
        <color indexed="64"/>
      </right>
      <top/>
      <bottom/>
      <diagonal/>
    </border>
    <border>
      <left style="thin">
        <color indexed="64"/>
      </left>
      <right/>
      <top/>
      <bottom/>
      <diagonal/>
    </border>
    <border>
      <left/>
      <right style="medium">
        <color indexed="64"/>
      </right>
      <top/>
      <bottom/>
      <diagonal/>
    </border>
    <border>
      <left/>
      <right style="medium">
        <color rgb="FFC6E6A2"/>
      </right>
      <top style="medium">
        <color rgb="FF00B050"/>
      </top>
      <bottom/>
      <diagonal/>
    </border>
    <border>
      <left style="medium">
        <color indexed="64"/>
      </left>
      <right/>
      <top/>
      <bottom style="thin">
        <color indexed="64"/>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right style="medium">
        <color indexed="64"/>
      </right>
      <top style="thin">
        <color indexed="64"/>
      </top>
      <bottom/>
      <diagonal/>
    </border>
    <border>
      <left style="thin">
        <color indexed="64"/>
      </left>
      <right style="hair">
        <color indexed="64"/>
      </right>
      <top style="thin">
        <color indexed="64"/>
      </top>
      <bottom style="thin">
        <color indexed="64"/>
      </bottom>
      <diagonal/>
    </border>
    <border>
      <left style="thin">
        <color indexed="64"/>
      </left>
      <right style="thin">
        <color indexed="64"/>
      </right>
      <top style="thin">
        <color indexed="64"/>
      </top>
      <bottom/>
      <diagonal/>
    </border>
    <border>
      <left/>
      <right style="hair">
        <color indexed="64"/>
      </right>
      <top style="thin">
        <color indexed="64"/>
      </top>
      <bottom/>
      <diagonal/>
    </border>
    <border>
      <left style="hair">
        <color indexed="64"/>
      </left>
      <right/>
      <top style="thin">
        <color indexed="64"/>
      </top>
      <bottom style="thin">
        <color indexed="64"/>
      </bottom>
      <diagonal/>
    </border>
    <border>
      <left style="thin">
        <color indexed="64"/>
      </left>
      <right style="thin">
        <color indexed="64"/>
      </right>
      <top/>
      <bottom style="thin">
        <color indexed="64"/>
      </bottom>
      <diagonal/>
    </border>
    <border>
      <left/>
      <right style="hair">
        <color indexed="64"/>
      </right>
      <top/>
      <bottom style="thin">
        <color indexed="64"/>
      </bottom>
      <diagonal/>
    </border>
    <border>
      <left style="thin">
        <color indexed="64"/>
      </left>
      <right style="hair">
        <color indexed="64"/>
      </right>
      <top style="thin">
        <color indexed="64"/>
      </top>
      <bottom/>
      <diagonal/>
    </border>
    <border>
      <left style="hair">
        <color indexed="64"/>
      </left>
      <right/>
      <top style="thin">
        <color indexed="64"/>
      </top>
      <bottom/>
      <diagonal/>
    </border>
    <border>
      <left style="thin">
        <color indexed="64"/>
      </left>
      <right style="hair">
        <color indexed="64"/>
      </right>
      <top/>
      <bottom style="thin">
        <color indexed="64"/>
      </bottom>
      <diagonal/>
    </border>
    <border>
      <left style="hair">
        <color indexed="64"/>
      </left>
      <right/>
      <top/>
      <bottom style="thin">
        <color indexed="64"/>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thin">
        <color indexed="64"/>
      </bottom>
      <diagonal/>
    </border>
    <border>
      <left style="hair">
        <color indexed="64"/>
      </left>
      <right/>
      <top/>
      <bottom/>
      <diagonal/>
    </border>
    <border>
      <left/>
      <right style="hair">
        <color indexed="64"/>
      </right>
      <top/>
      <bottom/>
      <diagonal/>
    </border>
    <border>
      <left style="medium">
        <color indexed="64"/>
      </left>
      <right/>
      <top/>
      <bottom style="hair">
        <color indexed="64"/>
      </bottom>
      <diagonal/>
    </border>
    <border>
      <left style="hair">
        <color indexed="64"/>
      </left>
      <right/>
      <top/>
      <bottom style="hair">
        <color indexed="64"/>
      </bottom>
      <diagonal/>
    </border>
    <border>
      <left/>
      <right style="hair">
        <color indexed="64"/>
      </right>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style="hair">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medium">
        <color indexed="64"/>
      </right>
      <top style="hair">
        <color indexed="64"/>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s>
  <cellStyleXfs count="4">
    <xf numFmtId="0" fontId="0" fillId="0" borderId="0"/>
    <xf numFmtId="0" fontId="3" fillId="0" borderId="0" applyNumberFormat="0" applyFill="0" applyBorder="0" applyAlignment="0" applyProtection="0">
      <alignment vertical="top"/>
      <protection locked="0"/>
    </xf>
    <xf numFmtId="0" fontId="4" fillId="0" borderId="0">
      <alignment vertical="center"/>
    </xf>
    <xf numFmtId="38" fontId="1" fillId="0" borderId="0" applyFont="0" applyFill="0" applyBorder="0" applyAlignment="0" applyProtection="0">
      <alignment vertical="center"/>
    </xf>
  </cellStyleXfs>
  <cellXfs count="458">
    <xf numFmtId="0" fontId="0" fillId="0" borderId="0" xfId="0"/>
    <xf numFmtId="0" fontId="5" fillId="0" borderId="0" xfId="0" applyFont="1"/>
    <xf numFmtId="0" fontId="6" fillId="0" borderId="0" xfId="0" applyFont="1"/>
    <xf numFmtId="0" fontId="7" fillId="3" borderId="0" xfId="0" applyFont="1" applyFill="1" applyAlignment="1">
      <alignment vertical="center"/>
    </xf>
    <xf numFmtId="0" fontId="7" fillId="0" borderId="0" xfId="0" applyFont="1" applyAlignment="1">
      <alignment vertical="center"/>
    </xf>
    <xf numFmtId="0" fontId="12" fillId="3" borderId="0" xfId="0" applyFont="1" applyFill="1" applyAlignment="1">
      <alignment horizontal="left" vertical="center"/>
    </xf>
    <xf numFmtId="0" fontId="12" fillId="3" borderId="0" xfId="0" applyFont="1" applyFill="1" applyAlignment="1">
      <alignment vertical="center"/>
    </xf>
    <xf numFmtId="0" fontId="12" fillId="0" borderId="0" xfId="0" applyFont="1" applyAlignment="1">
      <alignment vertical="center"/>
    </xf>
    <xf numFmtId="0" fontId="13" fillId="0" borderId="0" xfId="0" applyFont="1" applyAlignment="1" applyProtection="1">
      <alignment vertical="center"/>
      <protection hidden="1"/>
    </xf>
    <xf numFmtId="0" fontId="18" fillId="0" borderId="0" xfId="0" applyFont="1" applyAlignment="1">
      <alignment vertical="center" wrapText="1"/>
    </xf>
    <xf numFmtId="0" fontId="20" fillId="0" borderId="0" xfId="0" applyFont="1" applyAlignment="1">
      <alignment vertical="center"/>
    </xf>
    <xf numFmtId="0" fontId="7" fillId="0" borderId="0" xfId="0" applyFont="1" applyAlignment="1">
      <alignment horizontal="left" vertical="center" shrinkToFit="1"/>
    </xf>
    <xf numFmtId="0" fontId="25" fillId="3" borderId="0" xfId="0" applyFont="1" applyFill="1" applyAlignment="1">
      <alignment vertical="center"/>
    </xf>
    <xf numFmtId="0" fontId="7" fillId="0" borderId="0" xfId="0" applyFont="1" applyAlignment="1">
      <alignment horizontal="center" vertical="center" wrapText="1"/>
    </xf>
    <xf numFmtId="0" fontId="15" fillId="3" borderId="0" xfId="0" applyFont="1" applyFill="1" applyAlignment="1">
      <alignment vertical="center"/>
    </xf>
    <xf numFmtId="0" fontId="29" fillId="9" borderId="50" xfId="0" applyFont="1" applyFill="1" applyBorder="1" applyAlignment="1">
      <alignment horizontal="center" vertical="center" wrapText="1"/>
    </xf>
    <xf numFmtId="9" fontId="28" fillId="0" borderId="6" xfId="0" applyNumberFormat="1" applyFont="1" applyBorder="1" applyAlignment="1" applyProtection="1">
      <alignment vertical="center" shrinkToFit="1"/>
      <protection locked="0"/>
    </xf>
    <xf numFmtId="0" fontId="31" fillId="2" borderId="0" xfId="0" applyFont="1" applyFill="1" applyAlignment="1">
      <alignment horizontal="center" vertical="center" wrapText="1"/>
    </xf>
    <xf numFmtId="0" fontId="7" fillId="0" borderId="0" xfId="0" applyFont="1" applyAlignment="1">
      <alignment vertical="center" wrapText="1"/>
    </xf>
    <xf numFmtId="0" fontId="29" fillId="3" borderId="0" xfId="0" applyFont="1" applyFill="1" applyAlignment="1">
      <alignment vertical="center"/>
    </xf>
    <xf numFmtId="0" fontId="31" fillId="2" borderId="1" xfId="0" applyFont="1" applyFill="1" applyBorder="1" applyAlignment="1">
      <alignment horizontal="center" vertical="center" wrapText="1"/>
    </xf>
    <xf numFmtId="0" fontId="23" fillId="3" borderId="5" xfId="0" applyFont="1" applyFill="1" applyBorder="1" applyAlignment="1">
      <alignment horizontal="center" vertical="center" wrapText="1"/>
    </xf>
    <xf numFmtId="0" fontId="23" fillId="3" borderId="1" xfId="0" applyFont="1" applyFill="1" applyBorder="1" applyAlignment="1">
      <alignment horizontal="center" vertical="center" wrapText="1"/>
    </xf>
    <xf numFmtId="0" fontId="36" fillId="0" borderId="0" xfId="0" applyFont="1" applyAlignment="1">
      <alignment horizontal="center" vertical="center" wrapText="1"/>
    </xf>
    <xf numFmtId="177" fontId="15" fillId="0" borderId="0" xfId="0" applyNumberFormat="1" applyFont="1" applyAlignment="1" applyProtection="1">
      <alignment horizontal="center" vertical="center" wrapText="1"/>
      <protection locked="0"/>
    </xf>
    <xf numFmtId="0" fontId="23" fillId="3" borderId="0" xfId="0" applyFont="1" applyFill="1" applyAlignment="1">
      <alignment vertical="center" wrapText="1"/>
    </xf>
    <xf numFmtId="0" fontId="23" fillId="0" borderId="0" xfId="0" applyFont="1" applyAlignment="1">
      <alignment vertical="center" wrapText="1"/>
    </xf>
    <xf numFmtId="0" fontId="23" fillId="0" borderId="0" xfId="0" applyFont="1" applyAlignment="1">
      <alignment horizontal="center" vertical="center" wrapText="1"/>
    </xf>
    <xf numFmtId="0" fontId="7" fillId="0" borderId="0" xfId="0" applyFont="1" applyAlignment="1">
      <alignment horizontal="left" vertical="center" wrapText="1" indent="1" shrinkToFit="1"/>
    </xf>
    <xf numFmtId="0" fontId="7" fillId="0" borderId="0" xfId="0" applyFont="1" applyAlignment="1" applyProtection="1">
      <alignment vertical="center"/>
      <protection hidden="1"/>
    </xf>
    <xf numFmtId="0" fontId="18" fillId="0" borderId="0" xfId="0" applyFont="1" applyAlignment="1" applyProtection="1">
      <alignment vertical="center" wrapText="1"/>
      <protection hidden="1"/>
    </xf>
    <xf numFmtId="0" fontId="18" fillId="3" borderId="34" xfId="0" applyFont="1" applyFill="1" applyBorder="1" applyAlignment="1">
      <alignment vertical="center" wrapText="1"/>
    </xf>
    <xf numFmtId="0" fontId="18" fillId="3" borderId="32" xfId="0" applyFont="1" applyFill="1" applyBorder="1" applyAlignment="1">
      <alignment vertical="center" wrapText="1"/>
    </xf>
    <xf numFmtId="0" fontId="23" fillId="3" borderId="32" xfId="0" applyFont="1" applyFill="1" applyBorder="1" applyAlignment="1">
      <alignment vertical="center" wrapText="1"/>
    </xf>
    <xf numFmtId="0" fontId="23" fillId="3" borderId="35" xfId="0" applyFont="1" applyFill="1" applyBorder="1" applyAlignment="1">
      <alignment vertical="center" wrapText="1"/>
    </xf>
    <xf numFmtId="0" fontId="18" fillId="3" borderId="42" xfId="0" applyFont="1" applyFill="1" applyBorder="1" applyAlignment="1">
      <alignment vertical="center" wrapText="1"/>
    </xf>
    <xf numFmtId="0" fontId="18" fillId="3" borderId="0" xfId="0" applyFont="1" applyFill="1" applyAlignment="1">
      <alignment vertical="center" wrapText="1"/>
    </xf>
    <xf numFmtId="0" fontId="23" fillId="3" borderId="43" xfId="0" applyFont="1" applyFill="1" applyBorder="1" applyAlignment="1">
      <alignment vertical="center" wrapText="1"/>
    </xf>
    <xf numFmtId="0" fontId="18" fillId="3" borderId="8" xfId="0" applyFont="1" applyFill="1" applyBorder="1" applyAlignment="1">
      <alignment vertical="center" wrapText="1"/>
    </xf>
    <xf numFmtId="0" fontId="18" fillId="3" borderId="1" xfId="0" applyFont="1" applyFill="1" applyBorder="1" applyAlignment="1">
      <alignment vertical="center" wrapText="1"/>
    </xf>
    <xf numFmtId="0" fontId="38" fillId="0" borderId="0" xfId="0" applyFont="1" applyAlignment="1" applyProtection="1">
      <alignment horizontal="center" vertical="center" shrinkToFit="1"/>
      <protection locked="0"/>
    </xf>
    <xf numFmtId="0" fontId="39" fillId="0" borderId="0" xfId="0" applyFont="1" applyAlignment="1">
      <alignment horizontal="center" vertical="center"/>
    </xf>
    <xf numFmtId="0" fontId="15" fillId="0" borderId="0" xfId="0" applyFont="1" applyAlignment="1" applyProtection="1">
      <alignment horizontal="center" vertical="center" wrapText="1"/>
      <protection locked="0"/>
    </xf>
    <xf numFmtId="0" fontId="39" fillId="0" borderId="0" xfId="0" applyFont="1" applyAlignment="1">
      <alignment horizontal="center" vertical="top"/>
    </xf>
    <xf numFmtId="0" fontId="15" fillId="0" borderId="0" xfId="0" applyFont="1" applyAlignment="1" applyProtection="1">
      <alignment horizontal="center" vertical="center" wrapText="1" shrinkToFit="1"/>
      <protection locked="0"/>
    </xf>
    <xf numFmtId="0" fontId="29" fillId="0" borderId="0" xfId="0" applyFont="1" applyAlignment="1" applyProtection="1">
      <alignment horizontal="center" vertical="center" wrapText="1"/>
      <protection locked="0"/>
    </xf>
    <xf numFmtId="0" fontId="43" fillId="0" borderId="0" xfId="0" applyFont="1" applyAlignment="1">
      <alignment vertical="center" wrapText="1"/>
    </xf>
    <xf numFmtId="0" fontId="43" fillId="0" borderId="43" xfId="0" applyFont="1" applyBorder="1" applyAlignment="1">
      <alignment vertical="center" wrapText="1"/>
    </xf>
    <xf numFmtId="0" fontId="43" fillId="0" borderId="10" xfId="0" applyFont="1" applyBorder="1" applyAlignment="1">
      <alignment vertical="center" wrapText="1"/>
    </xf>
    <xf numFmtId="0" fontId="43" fillId="0" borderId="5" xfId="0" applyFont="1" applyBorder="1" applyAlignment="1">
      <alignment vertical="center" wrapText="1"/>
    </xf>
    <xf numFmtId="0" fontId="43" fillId="0" borderId="49" xfId="0" applyFont="1" applyBorder="1" applyAlignment="1">
      <alignment vertical="center" wrapText="1"/>
    </xf>
    <xf numFmtId="0" fontId="23" fillId="2" borderId="42" xfId="0" applyFont="1" applyFill="1" applyBorder="1" applyAlignment="1">
      <alignment vertical="center" wrapText="1"/>
    </xf>
    <xf numFmtId="0" fontId="23" fillId="2" borderId="0" xfId="0" applyFont="1" applyFill="1" applyAlignment="1">
      <alignment vertical="center" wrapText="1"/>
    </xf>
    <xf numFmtId="0" fontId="23" fillId="2" borderId="43" xfId="0" applyFont="1" applyFill="1" applyBorder="1" applyAlignment="1">
      <alignment vertical="center" wrapText="1"/>
    </xf>
    <xf numFmtId="0" fontId="45" fillId="0" borderId="0" xfId="0" applyFont="1" applyAlignment="1">
      <alignment horizontal="center" vertical="center" wrapText="1"/>
    </xf>
    <xf numFmtId="0" fontId="48" fillId="0" borderId="0" xfId="0" applyFont="1" applyAlignment="1">
      <alignment vertical="center"/>
    </xf>
    <xf numFmtId="0" fontId="5" fillId="0" borderId="0" xfId="0" applyFont="1" applyAlignment="1">
      <alignment horizontal="center" vertical="center"/>
    </xf>
    <xf numFmtId="0" fontId="15" fillId="5" borderId="46" xfId="0" applyFont="1" applyFill="1" applyBorder="1" applyAlignment="1" applyProtection="1">
      <alignment horizontal="distributed" vertical="center" indent="1" shrinkToFit="1"/>
      <protection hidden="1"/>
    </xf>
    <xf numFmtId="0" fontId="15" fillId="5" borderId="5" xfId="0" applyFont="1" applyFill="1" applyBorder="1" applyAlignment="1" applyProtection="1">
      <alignment horizontal="distributed" vertical="center" indent="1" shrinkToFit="1"/>
      <protection hidden="1"/>
    </xf>
    <xf numFmtId="0" fontId="15" fillId="5" borderId="9" xfId="0" applyFont="1" applyFill="1" applyBorder="1" applyAlignment="1" applyProtection="1">
      <alignment horizontal="distributed" vertical="center" indent="1" shrinkToFit="1"/>
      <protection hidden="1"/>
    </xf>
    <xf numFmtId="0" fontId="15" fillId="5" borderId="40" xfId="0" applyFont="1" applyFill="1" applyBorder="1" applyAlignment="1" applyProtection="1">
      <alignment horizontal="distributed" vertical="center" indent="1" shrinkToFit="1"/>
      <protection hidden="1"/>
    </xf>
    <xf numFmtId="0" fontId="15" fillId="5" borderId="0" xfId="0" applyFont="1" applyFill="1" applyAlignment="1" applyProtection="1">
      <alignment horizontal="distributed" vertical="center" indent="1" shrinkToFit="1"/>
      <protection hidden="1"/>
    </xf>
    <xf numFmtId="0" fontId="15" fillId="5" borderId="41" xfId="0" applyFont="1" applyFill="1" applyBorder="1" applyAlignment="1" applyProtection="1">
      <alignment horizontal="distributed" vertical="center" indent="1" shrinkToFit="1"/>
      <protection hidden="1"/>
    </xf>
    <xf numFmtId="0" fontId="7" fillId="0" borderId="40" xfId="0" applyFont="1" applyBorder="1" applyAlignment="1">
      <alignment horizontal="distributed" vertical="center" indent="1"/>
    </xf>
    <xf numFmtId="0" fontId="7" fillId="0" borderId="0" xfId="0" applyFont="1" applyAlignment="1">
      <alignment horizontal="distributed" vertical="center" indent="1"/>
    </xf>
    <xf numFmtId="0" fontId="7" fillId="0" borderId="41" xfId="0" applyFont="1" applyBorder="1" applyAlignment="1">
      <alignment horizontal="distributed" vertical="center" indent="1"/>
    </xf>
    <xf numFmtId="0" fontId="7" fillId="0" borderId="45" xfId="0" applyFont="1" applyBorder="1" applyAlignment="1">
      <alignment horizontal="distributed" vertical="center" indent="1"/>
    </xf>
    <xf numFmtId="0" fontId="7" fillId="0" borderId="1" xfId="0" applyFont="1" applyBorder="1" applyAlignment="1">
      <alignment horizontal="distributed" vertical="center" indent="1"/>
    </xf>
    <xf numFmtId="0" fontId="7" fillId="0" borderId="2" xfId="0" applyFont="1" applyBorder="1" applyAlignment="1">
      <alignment horizontal="distributed" vertical="center" indent="1"/>
    </xf>
    <xf numFmtId="0" fontId="15" fillId="13" borderId="10" xfId="0" applyFont="1" applyFill="1" applyBorder="1" applyAlignment="1" applyProtection="1">
      <alignment horizontal="distributed" vertical="center" wrapText="1" indent="1" shrinkToFit="1"/>
      <protection hidden="1"/>
    </xf>
    <xf numFmtId="0" fontId="7" fillId="0" borderId="5" xfId="0" applyFont="1" applyBorder="1" applyAlignment="1">
      <alignment horizontal="distributed" vertical="center" indent="1" shrinkToFit="1"/>
    </xf>
    <xf numFmtId="0" fontId="7" fillId="0" borderId="9" xfId="0" applyFont="1" applyBorder="1" applyAlignment="1">
      <alignment horizontal="distributed" vertical="center" indent="1" shrinkToFit="1"/>
    </xf>
    <xf numFmtId="0" fontId="15" fillId="13" borderId="42" xfId="0" applyFont="1" applyFill="1" applyBorder="1" applyAlignment="1" applyProtection="1">
      <alignment horizontal="distributed" vertical="center" indent="1" shrinkToFit="1"/>
      <protection hidden="1"/>
    </xf>
    <xf numFmtId="0" fontId="7" fillId="0" borderId="0" xfId="0" applyFont="1" applyAlignment="1">
      <alignment horizontal="distributed" vertical="center" indent="1" shrinkToFit="1"/>
    </xf>
    <xf numFmtId="0" fontId="7" fillId="0" borderId="41" xfId="0" applyFont="1" applyBorder="1" applyAlignment="1">
      <alignment horizontal="distributed" vertical="center" indent="1" shrinkToFit="1"/>
    </xf>
    <xf numFmtId="0" fontId="7" fillId="0" borderId="8" xfId="0" applyFont="1" applyBorder="1" applyAlignment="1">
      <alignment horizontal="distributed" vertical="center" indent="1" shrinkToFit="1"/>
    </xf>
    <xf numFmtId="0" fontId="7" fillId="0" borderId="1" xfId="0" applyFont="1" applyBorder="1" applyAlignment="1">
      <alignment horizontal="distributed" vertical="center" indent="1" shrinkToFit="1"/>
    </xf>
    <xf numFmtId="0" fontId="7" fillId="0" borderId="2" xfId="0" applyFont="1" applyBorder="1" applyAlignment="1">
      <alignment horizontal="distributed" vertical="center" indent="1" shrinkToFit="1"/>
    </xf>
    <xf numFmtId="0" fontId="46" fillId="0" borderId="32" xfId="0" applyFont="1" applyBorder="1" applyAlignment="1">
      <alignment horizontal="left" vertical="center" shrinkToFit="1"/>
    </xf>
    <xf numFmtId="0" fontId="46" fillId="0" borderId="35" xfId="0" applyFont="1" applyBorder="1" applyAlignment="1">
      <alignment horizontal="left" vertical="center" shrinkToFit="1"/>
    </xf>
    <xf numFmtId="0" fontId="7" fillId="0" borderId="84" xfId="0" applyFont="1" applyBorder="1" applyAlignment="1">
      <alignment horizontal="center" vertical="center"/>
    </xf>
    <xf numFmtId="0" fontId="7" fillId="0" borderId="85" xfId="0" applyFont="1" applyBorder="1" applyAlignment="1">
      <alignment horizontal="center" vertical="center"/>
    </xf>
    <xf numFmtId="0" fontId="7" fillId="0" borderId="86" xfId="0" applyFont="1" applyBorder="1" applyAlignment="1">
      <alignment horizontal="center" vertical="center"/>
    </xf>
    <xf numFmtId="0" fontId="47" fillId="0" borderId="32" xfId="0" applyFont="1" applyBorder="1" applyAlignment="1">
      <alignment horizontal="center" vertical="center" shrinkToFit="1"/>
    </xf>
    <xf numFmtId="0" fontId="15" fillId="13" borderId="7" xfId="0" applyFont="1" applyFill="1" applyBorder="1" applyAlignment="1" applyProtection="1">
      <alignment horizontal="distributed" vertical="center" wrapText="1" indent="1" shrinkToFit="1"/>
      <protection hidden="1"/>
    </xf>
    <xf numFmtId="0" fontId="7" fillId="0" borderId="7" xfId="0" applyFont="1" applyBorder="1" applyAlignment="1">
      <alignment horizontal="distributed" vertical="center" indent="1" shrinkToFit="1"/>
    </xf>
    <xf numFmtId="0" fontId="22" fillId="0" borderId="7" xfId="0" applyFont="1" applyBorder="1" applyAlignment="1" applyProtection="1">
      <alignment horizontal="center" vertical="center" shrinkToFit="1"/>
      <protection hidden="1"/>
    </xf>
    <xf numFmtId="0" fontId="15" fillId="13" borderId="7" xfId="0" applyFont="1" applyFill="1" applyBorder="1" applyAlignment="1" applyProtection="1">
      <alignment horizontal="distributed" vertical="center" indent="1" shrinkToFit="1"/>
      <protection hidden="1"/>
    </xf>
    <xf numFmtId="0" fontId="22" fillId="0" borderId="81" xfId="0" applyFont="1" applyBorder="1" applyAlignment="1" applyProtection="1">
      <alignment horizontal="center" vertical="center" shrinkToFit="1"/>
      <protection hidden="1"/>
    </xf>
    <xf numFmtId="0" fontId="7" fillId="9" borderId="46" xfId="0" applyFont="1" applyFill="1" applyBorder="1" applyAlignment="1">
      <alignment horizontal="distributed" vertical="center" indent="1"/>
    </xf>
    <xf numFmtId="0" fontId="7" fillId="9" borderId="5" xfId="0" applyFont="1" applyFill="1" applyBorder="1" applyAlignment="1">
      <alignment horizontal="distributed" vertical="center" indent="1"/>
    </xf>
    <xf numFmtId="0" fontId="7" fillId="9" borderId="9" xfId="0" applyFont="1" applyFill="1" applyBorder="1" applyAlignment="1">
      <alignment horizontal="distributed" vertical="center" indent="1"/>
    </xf>
    <xf numFmtId="0" fontId="7" fillId="9" borderId="40" xfId="0" applyFont="1" applyFill="1" applyBorder="1" applyAlignment="1">
      <alignment horizontal="distributed" vertical="center" indent="1"/>
    </xf>
    <xf numFmtId="0" fontId="7" fillId="9" borderId="0" xfId="0" applyFont="1" applyFill="1" applyAlignment="1">
      <alignment horizontal="distributed" vertical="center" indent="1"/>
    </xf>
    <xf numFmtId="0" fontId="7" fillId="9" borderId="41" xfId="0" applyFont="1" applyFill="1" applyBorder="1" applyAlignment="1">
      <alignment horizontal="distributed" vertical="center" indent="1"/>
    </xf>
    <xf numFmtId="0" fontId="7" fillId="9" borderId="63" xfId="0" applyFont="1" applyFill="1" applyBorder="1" applyAlignment="1">
      <alignment horizontal="distributed" vertical="center" indent="1"/>
    </xf>
    <xf numFmtId="0" fontId="7" fillId="9" borderId="30" xfId="0" applyFont="1" applyFill="1" applyBorder="1" applyAlignment="1">
      <alignment horizontal="distributed" vertical="center" indent="1"/>
    </xf>
    <xf numFmtId="0" fontId="7" fillId="9" borderId="64" xfId="0" applyFont="1" applyFill="1" applyBorder="1" applyAlignment="1">
      <alignment horizontal="distributed" vertical="center" indent="1"/>
    </xf>
    <xf numFmtId="0" fontId="15" fillId="16" borderId="10" xfId="0" applyFont="1" applyFill="1" applyBorder="1" applyAlignment="1">
      <alignment horizontal="center" vertical="center" wrapText="1"/>
    </xf>
    <xf numFmtId="0" fontId="15" fillId="16" borderId="5" xfId="0" applyFont="1" applyFill="1" applyBorder="1" applyAlignment="1">
      <alignment horizontal="center" vertical="center" wrapText="1"/>
    </xf>
    <xf numFmtId="0" fontId="15" fillId="16" borderId="49" xfId="0" applyFont="1" applyFill="1" applyBorder="1" applyAlignment="1">
      <alignment horizontal="center" vertical="center" wrapText="1"/>
    </xf>
    <xf numFmtId="0" fontId="23" fillId="13" borderId="10" xfId="0" applyFont="1" applyFill="1" applyBorder="1" applyAlignment="1" applyProtection="1">
      <alignment horizontal="distributed" vertical="center" wrapText="1" indent="1" shrinkToFit="1"/>
      <protection hidden="1"/>
    </xf>
    <xf numFmtId="0" fontId="23" fillId="13" borderId="5" xfId="0" applyFont="1" applyFill="1" applyBorder="1" applyAlignment="1" applyProtection="1">
      <alignment horizontal="distributed" vertical="center" indent="1" shrinkToFit="1"/>
      <protection hidden="1"/>
    </xf>
    <xf numFmtId="0" fontId="23" fillId="13" borderId="9" xfId="0" applyFont="1" applyFill="1" applyBorder="1" applyAlignment="1" applyProtection="1">
      <alignment horizontal="distributed" vertical="center" indent="1" shrinkToFit="1"/>
      <protection hidden="1"/>
    </xf>
    <xf numFmtId="0" fontId="23" fillId="13" borderId="42" xfId="0" applyFont="1" applyFill="1" applyBorder="1" applyAlignment="1" applyProtection="1">
      <alignment horizontal="distributed" vertical="center" indent="1" shrinkToFit="1"/>
      <protection hidden="1"/>
    </xf>
    <xf numFmtId="0" fontId="23" fillId="13" borderId="0" xfId="0" applyFont="1" applyFill="1" applyAlignment="1" applyProtection="1">
      <alignment horizontal="distributed" vertical="center" indent="1" shrinkToFit="1"/>
      <protection hidden="1"/>
    </xf>
    <xf numFmtId="0" fontId="23" fillId="13" borderId="41" xfId="0" applyFont="1" applyFill="1" applyBorder="1" applyAlignment="1" applyProtection="1">
      <alignment horizontal="distributed" vertical="center" indent="1" shrinkToFit="1"/>
      <protection hidden="1"/>
    </xf>
    <xf numFmtId="0" fontId="23" fillId="13" borderId="65" xfId="0" applyFont="1" applyFill="1" applyBorder="1" applyAlignment="1" applyProtection="1">
      <alignment horizontal="distributed" vertical="center" indent="1" shrinkToFit="1"/>
      <protection hidden="1"/>
    </xf>
    <xf numFmtId="0" fontId="23" fillId="13" borderId="30" xfId="0" applyFont="1" applyFill="1" applyBorder="1" applyAlignment="1" applyProtection="1">
      <alignment horizontal="distributed" vertical="center" indent="1" shrinkToFit="1"/>
      <protection hidden="1"/>
    </xf>
    <xf numFmtId="0" fontId="23" fillId="13" borderId="64" xfId="0" applyFont="1" applyFill="1" applyBorder="1" applyAlignment="1" applyProtection="1">
      <alignment horizontal="distributed" vertical="center" indent="1" shrinkToFit="1"/>
      <protection hidden="1"/>
    </xf>
    <xf numFmtId="0" fontId="22" fillId="0" borderId="10" xfId="0" applyFont="1" applyBorder="1" applyAlignment="1" applyProtection="1">
      <alignment horizontal="left" vertical="center" wrapText="1" shrinkToFit="1"/>
      <protection hidden="1"/>
    </xf>
    <xf numFmtId="0" fontId="22" fillId="0" borderId="5" xfId="0" applyFont="1" applyBorder="1" applyAlignment="1" applyProtection="1">
      <alignment horizontal="left" vertical="center" wrapText="1" shrinkToFit="1"/>
      <protection hidden="1"/>
    </xf>
    <xf numFmtId="0" fontId="22" fillId="0" borderId="49" xfId="0" applyFont="1" applyBorder="1" applyAlignment="1" applyProtection="1">
      <alignment horizontal="left" vertical="center" wrapText="1" shrinkToFit="1"/>
      <protection hidden="1"/>
    </xf>
    <xf numFmtId="0" fontId="22" fillId="0" borderId="42" xfId="0" applyFont="1" applyBorder="1" applyAlignment="1" applyProtection="1">
      <alignment horizontal="left" vertical="center" wrapText="1" shrinkToFit="1"/>
      <protection hidden="1"/>
    </xf>
    <xf numFmtId="0" fontId="22" fillId="0" borderId="0" xfId="0" applyFont="1" applyAlignment="1" applyProtection="1">
      <alignment horizontal="left" vertical="center" wrapText="1" shrinkToFit="1"/>
      <protection hidden="1"/>
    </xf>
    <xf numFmtId="0" fontId="22" fillId="0" borderId="43" xfId="0" applyFont="1" applyBorder="1" applyAlignment="1" applyProtection="1">
      <alignment horizontal="left" vertical="center" wrapText="1" shrinkToFit="1"/>
      <protection hidden="1"/>
    </xf>
    <xf numFmtId="0" fontId="22" fillId="0" borderId="65" xfId="0" applyFont="1" applyBorder="1" applyAlignment="1" applyProtection="1">
      <alignment horizontal="left" vertical="center" wrapText="1" shrinkToFit="1"/>
      <protection hidden="1"/>
    </xf>
    <xf numFmtId="0" fontId="22" fillId="0" borderId="30" xfId="0" applyFont="1" applyBorder="1" applyAlignment="1" applyProtection="1">
      <alignment horizontal="left" vertical="center" wrapText="1" shrinkToFit="1"/>
      <protection hidden="1"/>
    </xf>
    <xf numFmtId="0" fontId="22" fillId="0" borderId="66" xfId="0" applyFont="1" applyBorder="1" applyAlignment="1" applyProtection="1">
      <alignment horizontal="left" vertical="center" wrapText="1" shrinkToFit="1"/>
      <protection hidden="1"/>
    </xf>
    <xf numFmtId="0" fontId="15" fillId="2" borderId="42" xfId="0" applyFont="1" applyFill="1" applyBorder="1" applyAlignment="1">
      <alignment horizontal="center" vertical="center" shrinkToFit="1"/>
    </xf>
    <xf numFmtId="0" fontId="15" fillId="2" borderId="0" xfId="0" applyFont="1" applyFill="1" applyAlignment="1">
      <alignment horizontal="center" vertical="center" shrinkToFit="1"/>
    </xf>
    <xf numFmtId="0" fontId="15" fillId="2" borderId="43" xfId="0" applyFont="1" applyFill="1" applyBorder="1" applyAlignment="1">
      <alignment horizontal="center" vertical="center" shrinkToFit="1"/>
    </xf>
    <xf numFmtId="0" fontId="7" fillId="0" borderId="82" xfId="0" applyFont="1" applyBorder="1" applyAlignment="1">
      <alignment horizontal="center" vertical="center" shrinkToFit="1"/>
    </xf>
    <xf numFmtId="0" fontId="7" fillId="0" borderId="83" xfId="0" applyFont="1" applyBorder="1" applyAlignment="1">
      <alignment horizontal="center" vertical="center" shrinkToFit="1"/>
    </xf>
    <xf numFmtId="0" fontId="40" fillId="14" borderId="70" xfId="0" applyFont="1" applyFill="1" applyBorder="1" applyAlignment="1" applyProtection="1">
      <alignment vertical="center" wrapText="1"/>
      <protection hidden="1"/>
    </xf>
    <xf numFmtId="0" fontId="40" fillId="14" borderId="4" xfId="0" applyFont="1" applyFill="1" applyBorder="1" applyAlignment="1" applyProtection="1">
      <alignment vertical="center" wrapText="1"/>
      <protection hidden="1"/>
    </xf>
    <xf numFmtId="0" fontId="40" fillId="14" borderId="47" xfId="0" applyFont="1" applyFill="1" applyBorder="1" applyAlignment="1" applyProtection="1">
      <alignment vertical="center" wrapText="1"/>
      <protection hidden="1"/>
    </xf>
    <xf numFmtId="0" fontId="15" fillId="8" borderId="40" xfId="0" applyFont="1" applyFill="1" applyBorder="1" applyAlignment="1" applyProtection="1">
      <alignment horizontal="center" vertical="center" wrapText="1"/>
      <protection hidden="1"/>
    </xf>
    <xf numFmtId="0" fontId="15" fillId="8" borderId="0" xfId="0" applyFont="1" applyFill="1" applyAlignment="1" applyProtection="1">
      <alignment horizontal="center" vertical="center" wrapText="1"/>
      <protection hidden="1"/>
    </xf>
    <xf numFmtId="0" fontId="15" fillId="8" borderId="73" xfId="0" applyFont="1" applyFill="1" applyBorder="1" applyAlignment="1" applyProtection="1">
      <alignment horizontal="center" vertical="center" wrapText="1"/>
      <protection hidden="1"/>
    </xf>
    <xf numFmtId="0" fontId="15" fillId="8" borderId="16" xfId="0" applyFont="1" applyFill="1" applyBorder="1" applyAlignment="1" applyProtection="1">
      <alignment horizontal="center" vertical="center" wrapText="1"/>
      <protection hidden="1"/>
    </xf>
    <xf numFmtId="0" fontId="15" fillId="8" borderId="71" xfId="0" applyFont="1" applyFill="1" applyBorder="1" applyAlignment="1" applyProtection="1">
      <alignment horizontal="center" vertical="center" wrapText="1"/>
      <protection hidden="1"/>
    </xf>
    <xf numFmtId="0" fontId="15" fillId="8" borderId="72" xfId="0" applyFont="1" applyFill="1" applyBorder="1" applyAlignment="1" applyProtection="1">
      <alignment horizontal="center" vertical="center" wrapText="1"/>
      <protection hidden="1"/>
    </xf>
    <xf numFmtId="0" fontId="15" fillId="8" borderId="74" xfId="0" applyFont="1" applyFill="1" applyBorder="1" applyAlignment="1" applyProtection="1">
      <alignment horizontal="center" vertical="center" wrapText="1"/>
      <protection hidden="1"/>
    </xf>
    <xf numFmtId="0" fontId="15" fillId="8" borderId="75" xfId="0" applyFont="1" applyFill="1" applyBorder="1" applyAlignment="1" applyProtection="1">
      <alignment horizontal="center" vertical="center" wrapText="1"/>
      <protection hidden="1"/>
    </xf>
    <xf numFmtId="0" fontId="15" fillId="8" borderId="43" xfId="0" applyFont="1" applyFill="1" applyBorder="1" applyAlignment="1" applyProtection="1">
      <alignment horizontal="center" vertical="center" wrapText="1"/>
      <protection hidden="1"/>
    </xf>
    <xf numFmtId="0" fontId="20" fillId="0" borderId="0" xfId="0" applyFont="1" applyAlignment="1">
      <alignment vertical="center"/>
    </xf>
    <xf numFmtId="0" fontId="20" fillId="0" borderId="30" xfId="0" applyFont="1" applyBorder="1" applyAlignment="1">
      <alignment vertical="center"/>
    </xf>
    <xf numFmtId="0" fontId="41" fillId="8" borderId="31" xfId="0" applyFont="1" applyFill="1" applyBorder="1" applyAlignment="1" applyProtection="1">
      <alignment horizontal="center" vertical="center" wrapText="1"/>
      <protection locked="0"/>
    </xf>
    <xf numFmtId="0" fontId="41" fillId="8" borderId="32" xfId="0" applyFont="1" applyFill="1" applyBorder="1" applyAlignment="1" applyProtection="1">
      <alignment horizontal="center" vertical="center" wrapText="1"/>
      <protection locked="0"/>
    </xf>
    <xf numFmtId="0" fontId="41" fillId="8" borderId="35" xfId="0" applyFont="1" applyFill="1" applyBorder="1" applyAlignment="1" applyProtection="1">
      <alignment horizontal="center" vertical="center" wrapText="1"/>
      <protection locked="0"/>
    </xf>
    <xf numFmtId="0" fontId="41" fillId="8" borderId="40" xfId="0" applyFont="1" applyFill="1" applyBorder="1" applyAlignment="1" applyProtection="1">
      <alignment horizontal="center" vertical="center" wrapText="1"/>
      <protection locked="0"/>
    </xf>
    <xf numFmtId="0" fontId="41" fillId="8" borderId="0" xfId="0" applyFont="1" applyFill="1" applyAlignment="1" applyProtection="1">
      <alignment horizontal="center" vertical="center" wrapText="1"/>
      <protection locked="0"/>
    </xf>
    <xf numFmtId="0" fontId="41" fillId="8" borderId="43" xfId="0" applyFont="1" applyFill="1" applyBorder="1" applyAlignment="1" applyProtection="1">
      <alignment horizontal="center" vertical="center" wrapText="1"/>
      <protection locked="0"/>
    </xf>
    <xf numFmtId="0" fontId="41" fillId="8" borderId="63" xfId="0" applyFont="1" applyFill="1" applyBorder="1" applyAlignment="1" applyProtection="1">
      <alignment horizontal="center" vertical="center" wrapText="1"/>
      <protection locked="0"/>
    </xf>
    <xf numFmtId="0" fontId="41" fillId="8" borderId="30" xfId="0" applyFont="1" applyFill="1" applyBorder="1" applyAlignment="1" applyProtection="1">
      <alignment horizontal="center" vertical="center" wrapText="1"/>
      <protection locked="0"/>
    </xf>
    <xf numFmtId="0" fontId="41" fillId="8" borderId="66" xfId="0" applyFont="1" applyFill="1" applyBorder="1" applyAlignment="1" applyProtection="1">
      <alignment horizontal="center" vertical="center" wrapText="1"/>
      <protection locked="0"/>
    </xf>
    <xf numFmtId="0" fontId="22" fillId="0" borderId="7" xfId="0" applyFont="1" applyBorder="1" applyAlignment="1" applyProtection="1">
      <alignment horizontal="left" vertical="center" wrapText="1" shrinkToFit="1"/>
      <protection locked="0" hidden="1"/>
    </xf>
    <xf numFmtId="0" fontId="22" fillId="0" borderId="81" xfId="0" applyFont="1" applyBorder="1" applyAlignment="1" applyProtection="1">
      <alignment horizontal="left" vertical="center" wrapText="1" shrinkToFit="1"/>
      <protection locked="0" hidden="1"/>
    </xf>
    <xf numFmtId="0" fontId="43" fillId="15" borderId="40" xfId="0" applyFont="1" applyFill="1" applyBorder="1" applyAlignment="1">
      <alignment horizontal="center" vertical="center" wrapText="1"/>
    </xf>
    <xf numFmtId="0" fontId="43" fillId="15" borderId="0" xfId="0" applyFont="1" applyFill="1" applyAlignment="1">
      <alignment horizontal="center" vertical="center" wrapText="1"/>
    </xf>
    <xf numFmtId="0" fontId="43" fillId="15" borderId="43" xfId="0" applyFont="1" applyFill="1" applyBorder="1" applyAlignment="1">
      <alignment horizontal="center" vertical="center" wrapText="1"/>
    </xf>
    <xf numFmtId="0" fontId="15" fillId="13" borderId="10" xfId="0" applyFont="1" applyFill="1" applyBorder="1" applyAlignment="1" applyProtection="1">
      <alignment horizontal="distributed" vertical="center" indent="1" shrinkToFit="1"/>
      <protection hidden="1"/>
    </xf>
    <xf numFmtId="0" fontId="41" fillId="9" borderId="40" xfId="0" applyFont="1" applyFill="1" applyBorder="1" applyAlignment="1">
      <alignment horizontal="center" vertical="center" wrapText="1"/>
    </xf>
    <xf numFmtId="0" fontId="41" fillId="9" borderId="0" xfId="0" applyFont="1" applyFill="1" applyAlignment="1">
      <alignment horizontal="center" vertical="center" wrapText="1"/>
    </xf>
    <xf numFmtId="0" fontId="41" fillId="9" borderId="41" xfId="0" applyFont="1" applyFill="1" applyBorder="1" applyAlignment="1">
      <alignment horizontal="center" vertical="center" wrapText="1"/>
    </xf>
    <xf numFmtId="0" fontId="41" fillId="9" borderId="45" xfId="0" applyFont="1" applyFill="1" applyBorder="1" applyAlignment="1">
      <alignment horizontal="center" vertical="center" wrapText="1"/>
    </xf>
    <xf numFmtId="0" fontId="41" fillId="9" borderId="1" xfId="0" applyFont="1" applyFill="1" applyBorder="1" applyAlignment="1">
      <alignment horizontal="center" vertical="center" wrapText="1"/>
    </xf>
    <xf numFmtId="0" fontId="41" fillId="9" borderId="2" xfId="0" applyFont="1" applyFill="1" applyBorder="1" applyAlignment="1">
      <alignment horizontal="center" vertical="center" wrapText="1"/>
    </xf>
    <xf numFmtId="0" fontId="7" fillId="9" borderId="46" xfId="0" applyFont="1" applyFill="1" applyBorder="1" applyAlignment="1">
      <alignment horizontal="center" vertical="center" wrapText="1"/>
    </xf>
    <xf numFmtId="0" fontId="7" fillId="9" borderId="5" xfId="0" applyFont="1" applyFill="1" applyBorder="1" applyAlignment="1">
      <alignment horizontal="center" vertical="center" wrapText="1"/>
    </xf>
    <xf numFmtId="0" fontId="7" fillId="9" borderId="9" xfId="0" applyFont="1" applyFill="1" applyBorder="1" applyAlignment="1">
      <alignment horizontal="center" vertical="center" wrapText="1"/>
    </xf>
    <xf numFmtId="0" fontId="7" fillId="9" borderId="40" xfId="0" applyFont="1" applyFill="1" applyBorder="1" applyAlignment="1">
      <alignment horizontal="center" vertical="center" wrapText="1"/>
    </xf>
    <xf numFmtId="0" fontId="7" fillId="9" borderId="0" xfId="0" applyFont="1" applyFill="1" applyAlignment="1">
      <alignment horizontal="center" vertical="center" wrapText="1"/>
    </xf>
    <xf numFmtId="0" fontId="7" fillId="9" borderId="41" xfId="0" applyFont="1" applyFill="1" applyBorder="1" applyAlignment="1">
      <alignment horizontal="center" vertical="center" wrapText="1"/>
    </xf>
    <xf numFmtId="0" fontId="15" fillId="5" borderId="63" xfId="0" applyFont="1" applyFill="1" applyBorder="1" applyAlignment="1" applyProtection="1">
      <alignment horizontal="distributed" vertical="center" indent="1" shrinkToFit="1"/>
      <protection hidden="1"/>
    </xf>
    <xf numFmtId="0" fontId="15" fillId="5" borderId="30" xfId="0" applyFont="1" applyFill="1" applyBorder="1" applyAlignment="1" applyProtection="1">
      <alignment horizontal="distributed" vertical="center" indent="1" shrinkToFit="1"/>
      <protection hidden="1"/>
    </xf>
    <xf numFmtId="0" fontId="15" fillId="5" borderId="64" xfId="0" applyFont="1" applyFill="1" applyBorder="1" applyAlignment="1" applyProtection="1">
      <alignment horizontal="distributed" vertical="center" indent="1" shrinkToFit="1"/>
      <protection hidden="1"/>
    </xf>
    <xf numFmtId="0" fontId="42" fillId="0" borderId="76" xfId="0" applyFont="1" applyBorder="1" applyAlignment="1" applyProtection="1">
      <alignment horizontal="center" vertical="center" shrinkToFit="1"/>
      <protection hidden="1"/>
    </xf>
    <xf numFmtId="0" fontId="42" fillId="0" borderId="77" xfId="0" applyFont="1" applyBorder="1" applyAlignment="1" applyProtection="1">
      <alignment horizontal="center" vertical="center" shrinkToFit="1"/>
      <protection hidden="1"/>
    </xf>
    <xf numFmtId="0" fontId="42" fillId="0" borderId="78" xfId="0" applyFont="1" applyBorder="1" applyAlignment="1" applyProtection="1">
      <alignment horizontal="center" vertical="center" shrinkToFit="1"/>
      <protection hidden="1"/>
    </xf>
    <xf numFmtId="0" fontId="42" fillId="0" borderId="79" xfId="0" applyFont="1" applyBorder="1" applyAlignment="1" applyProtection="1">
      <alignment horizontal="center" vertical="center" shrinkToFit="1"/>
      <protection hidden="1"/>
    </xf>
    <xf numFmtId="0" fontId="42" fillId="0" borderId="80" xfId="0" applyFont="1" applyBorder="1" applyAlignment="1" applyProtection="1">
      <alignment horizontal="center" vertical="center" shrinkToFit="1"/>
      <protection hidden="1"/>
    </xf>
    <xf numFmtId="0" fontId="13" fillId="0" borderId="0" xfId="0" applyFont="1" applyAlignment="1" applyProtection="1">
      <alignment vertical="center"/>
      <protection hidden="1"/>
    </xf>
    <xf numFmtId="0" fontId="13" fillId="0" borderId="30" xfId="0" applyFont="1" applyBorder="1" applyAlignment="1" applyProtection="1">
      <alignment vertical="center"/>
      <protection hidden="1"/>
    </xf>
    <xf numFmtId="0" fontId="15" fillId="5" borderId="31" xfId="0" applyFont="1" applyFill="1" applyBorder="1" applyAlignment="1" applyProtection="1">
      <alignment horizontal="distributed" vertical="center" indent="1" shrinkToFit="1"/>
      <protection hidden="1"/>
    </xf>
    <xf numFmtId="0" fontId="15" fillId="5" borderId="32" xfId="0" applyFont="1" applyFill="1" applyBorder="1" applyAlignment="1" applyProtection="1">
      <alignment horizontal="distributed" vertical="center" indent="1" shrinkToFit="1"/>
      <protection hidden="1"/>
    </xf>
    <xf numFmtId="0" fontId="15" fillId="5" borderId="33" xfId="0" applyFont="1" applyFill="1" applyBorder="1" applyAlignment="1" applyProtection="1">
      <alignment horizontal="distributed" vertical="center" indent="1" shrinkToFit="1"/>
      <protection hidden="1"/>
    </xf>
    <xf numFmtId="0" fontId="7" fillId="0" borderId="45" xfId="0" applyFont="1" applyBorder="1" applyAlignment="1">
      <alignment horizontal="distributed" vertical="center" indent="1" shrinkToFit="1"/>
    </xf>
    <xf numFmtId="0" fontId="23" fillId="12" borderId="34" xfId="0" applyFont="1" applyFill="1" applyBorder="1" applyAlignment="1">
      <alignment horizontal="center" vertical="center" wrapText="1"/>
    </xf>
    <xf numFmtId="0" fontId="7" fillId="0" borderId="32" xfId="0" applyFont="1" applyBorder="1" applyAlignment="1">
      <alignment horizontal="center" vertical="center" wrapText="1"/>
    </xf>
    <xf numFmtId="0" fontId="7" fillId="0" borderId="33" xfId="0" applyFont="1" applyBorder="1" applyAlignment="1">
      <alignment horizontal="center" vertical="center" wrapText="1"/>
    </xf>
    <xf numFmtId="0" fontId="23" fillId="12" borderId="42" xfId="0" applyFont="1" applyFill="1" applyBorder="1" applyAlignment="1">
      <alignment horizontal="center" vertical="center" wrapText="1"/>
    </xf>
    <xf numFmtId="0" fontId="7" fillId="0" borderId="0" xfId="0" applyFont="1" applyAlignment="1">
      <alignment horizontal="center" vertical="center" wrapText="1"/>
    </xf>
    <xf numFmtId="0" fontId="7" fillId="0" borderId="41" xfId="0" applyFont="1" applyBorder="1" applyAlignment="1">
      <alignment horizontal="center" vertical="center" wrapText="1"/>
    </xf>
    <xf numFmtId="0" fontId="23" fillId="12" borderId="8" xfId="0" applyFont="1" applyFill="1" applyBorder="1" applyAlignment="1">
      <alignment horizontal="center" vertical="center" wrapText="1"/>
    </xf>
    <xf numFmtId="0" fontId="7" fillId="0" borderId="1" xfId="0" applyFont="1" applyBorder="1" applyAlignment="1">
      <alignment horizontal="center" vertical="center" wrapText="1"/>
    </xf>
    <xf numFmtId="0" fontId="7" fillId="0" borderId="2" xfId="0" applyFont="1" applyBorder="1" applyAlignment="1">
      <alignment horizontal="center" vertical="center" wrapText="1"/>
    </xf>
    <xf numFmtId="0" fontId="22" fillId="0" borderId="34" xfId="0" applyFont="1" applyBorder="1" applyAlignment="1" applyProtection="1">
      <alignment horizontal="left" vertical="center" wrapText="1" shrinkToFit="1"/>
      <protection locked="0"/>
    </xf>
    <xf numFmtId="0" fontId="22" fillId="0" borderId="32" xfId="0" applyFont="1" applyBorder="1" applyAlignment="1" applyProtection="1">
      <alignment horizontal="left" vertical="center" wrapText="1" shrinkToFit="1"/>
      <protection locked="0"/>
    </xf>
    <xf numFmtId="0" fontId="22" fillId="0" borderId="35" xfId="0" applyFont="1" applyBorder="1" applyAlignment="1" applyProtection="1">
      <alignment horizontal="left" vertical="center" wrapText="1" shrinkToFit="1"/>
      <protection locked="0"/>
    </xf>
    <xf numFmtId="0" fontId="22" fillId="0" borderId="42" xfId="0" applyFont="1" applyBorder="1" applyAlignment="1" applyProtection="1">
      <alignment horizontal="left" vertical="center" wrapText="1" shrinkToFit="1"/>
      <protection locked="0"/>
    </xf>
    <xf numFmtId="0" fontId="22" fillId="0" borderId="0" xfId="0" applyFont="1" applyAlignment="1" applyProtection="1">
      <alignment horizontal="left" vertical="center" wrapText="1" shrinkToFit="1"/>
      <protection locked="0"/>
    </xf>
    <xf numFmtId="0" fontId="22" fillId="0" borderId="43" xfId="0" applyFont="1" applyBorder="1" applyAlignment="1" applyProtection="1">
      <alignment horizontal="left" vertical="center" wrapText="1" shrinkToFit="1"/>
      <protection locked="0"/>
    </xf>
    <xf numFmtId="0" fontId="22" fillId="0" borderId="8" xfId="0" applyFont="1" applyBorder="1" applyAlignment="1" applyProtection="1">
      <alignment horizontal="left" vertical="center" wrapText="1" shrinkToFit="1"/>
      <protection locked="0"/>
    </xf>
    <xf numFmtId="0" fontId="22" fillId="0" borderId="1" xfId="0" applyFont="1" applyBorder="1" applyAlignment="1" applyProtection="1">
      <alignment horizontal="left" vertical="center" wrapText="1" shrinkToFit="1"/>
      <protection locked="0"/>
    </xf>
    <xf numFmtId="0" fontId="22" fillId="0" borderId="48" xfId="0" applyFont="1" applyBorder="1" applyAlignment="1" applyProtection="1">
      <alignment horizontal="left" vertical="center" wrapText="1" shrinkToFit="1"/>
      <protection locked="0"/>
    </xf>
    <xf numFmtId="0" fontId="22" fillId="0" borderId="3" xfId="0" applyFont="1" applyBorder="1" applyAlignment="1" applyProtection="1">
      <alignment horizontal="center" vertical="center" shrinkToFit="1"/>
      <protection hidden="1"/>
    </xf>
    <xf numFmtId="0" fontId="22" fillId="0" borderId="4" xfId="0" applyFont="1" applyBorder="1" applyAlignment="1" applyProtection="1">
      <alignment horizontal="center" vertical="center" shrinkToFit="1"/>
      <protection hidden="1"/>
    </xf>
    <xf numFmtId="0" fontId="22" fillId="0" borderId="47" xfId="0" applyFont="1" applyBorder="1" applyAlignment="1" applyProtection="1">
      <alignment horizontal="center" vertical="center" shrinkToFit="1"/>
      <protection hidden="1"/>
    </xf>
    <xf numFmtId="0" fontId="22" fillId="0" borderId="67" xfId="0" applyFont="1" applyBorder="1" applyAlignment="1" applyProtection="1">
      <alignment horizontal="center" vertical="center" shrinkToFit="1"/>
      <protection hidden="1"/>
    </xf>
    <xf numFmtId="0" fontId="22" fillId="0" borderId="68" xfId="0" applyFont="1" applyBorder="1" applyAlignment="1" applyProtection="1">
      <alignment horizontal="center" vertical="center" shrinkToFit="1"/>
      <protection hidden="1"/>
    </xf>
    <xf numFmtId="0" fontId="22" fillId="0" borderId="69" xfId="0" applyFont="1" applyBorder="1" applyAlignment="1" applyProtection="1">
      <alignment horizontal="center" vertical="center" shrinkToFit="1"/>
      <protection hidden="1"/>
    </xf>
    <xf numFmtId="0" fontId="29" fillId="3" borderId="65" xfId="0" applyFont="1" applyFill="1" applyBorder="1" applyAlignment="1">
      <alignment horizontal="left" vertical="center" shrinkToFit="1"/>
    </xf>
    <xf numFmtId="0" fontId="29" fillId="3" borderId="30" xfId="0" applyFont="1" applyFill="1" applyBorder="1" applyAlignment="1">
      <alignment horizontal="left" vertical="center" shrinkToFit="1"/>
    </xf>
    <xf numFmtId="0" fontId="15" fillId="3" borderId="30" xfId="0" applyFont="1" applyFill="1" applyBorder="1" applyAlignment="1">
      <alignment horizontal="left" vertical="center" wrapText="1"/>
    </xf>
    <xf numFmtId="0" fontId="15" fillId="3" borderId="66" xfId="0" applyFont="1" applyFill="1" applyBorder="1" applyAlignment="1">
      <alignment horizontal="left" vertical="center" wrapText="1"/>
    </xf>
    <xf numFmtId="0" fontId="15" fillId="5" borderId="31" xfId="0" applyFont="1" applyFill="1" applyBorder="1" applyAlignment="1">
      <alignment horizontal="distributed" vertical="center" wrapText="1" indent="1"/>
    </xf>
    <xf numFmtId="0" fontId="7" fillId="0" borderId="32" xfId="0" applyFont="1" applyBorder="1" applyAlignment="1">
      <alignment horizontal="distributed" vertical="center" wrapText="1" indent="1"/>
    </xf>
    <xf numFmtId="0" fontId="7" fillId="0" borderId="33" xfId="0" applyFont="1" applyBorder="1" applyAlignment="1">
      <alignment horizontal="distributed" vertical="center" wrapText="1" indent="1"/>
    </xf>
    <xf numFmtId="0" fontId="15" fillId="5" borderId="40" xfId="0" applyFont="1" applyFill="1" applyBorder="1" applyAlignment="1">
      <alignment horizontal="distributed" vertical="center" wrapText="1" indent="1"/>
    </xf>
    <xf numFmtId="0" fontId="7" fillId="0" borderId="0" xfId="0" applyFont="1" applyAlignment="1">
      <alignment horizontal="distributed" vertical="center" wrapText="1" indent="1"/>
    </xf>
    <xf numFmtId="0" fontId="7" fillId="0" borderId="41" xfId="0" applyFont="1" applyBorder="1" applyAlignment="1">
      <alignment horizontal="distributed" vertical="center" wrapText="1" indent="1"/>
    </xf>
    <xf numFmtId="0" fontId="15" fillId="5" borderId="45" xfId="0" applyFont="1" applyFill="1" applyBorder="1" applyAlignment="1">
      <alignment horizontal="distributed" vertical="center" wrapText="1" indent="1"/>
    </xf>
    <xf numFmtId="0" fontId="7" fillId="0" borderId="1" xfId="0" applyFont="1" applyBorder="1" applyAlignment="1">
      <alignment horizontal="distributed" vertical="center" wrapText="1" indent="1"/>
    </xf>
    <xf numFmtId="0" fontId="7" fillId="0" borderId="2" xfId="0" applyFont="1" applyBorder="1" applyAlignment="1">
      <alignment horizontal="distributed" vertical="center" wrapText="1" indent="1"/>
    </xf>
    <xf numFmtId="0" fontId="15" fillId="13" borderId="34" xfId="0" applyFont="1" applyFill="1" applyBorder="1" applyAlignment="1">
      <alignment horizontal="distributed" vertical="center" wrapText="1" indent="1"/>
    </xf>
    <xf numFmtId="0" fontId="15" fillId="13" borderId="42" xfId="0" applyFont="1" applyFill="1" applyBorder="1" applyAlignment="1">
      <alignment horizontal="distributed" vertical="center" wrapText="1" indent="1"/>
    </xf>
    <xf numFmtId="0" fontId="7" fillId="0" borderId="8" xfId="0" applyFont="1" applyBorder="1" applyAlignment="1">
      <alignment horizontal="distributed" vertical="center" wrapText="1" indent="1"/>
    </xf>
    <xf numFmtId="0" fontId="20" fillId="0" borderId="0" xfId="0" applyFont="1" applyAlignment="1" applyProtection="1">
      <alignment horizontal="left" vertical="center"/>
      <protection hidden="1"/>
    </xf>
    <xf numFmtId="0" fontId="20" fillId="0" borderId="30" xfId="0" applyFont="1" applyBorder="1" applyAlignment="1" applyProtection="1">
      <alignment horizontal="left" vertical="center"/>
      <protection hidden="1"/>
    </xf>
    <xf numFmtId="0" fontId="37" fillId="3" borderId="0" xfId="0" applyFont="1" applyFill="1" applyAlignment="1" applyProtection="1">
      <alignment horizontal="center" vertical="center" wrapText="1" shrinkToFit="1"/>
      <protection locked="0"/>
    </xf>
    <xf numFmtId="0" fontId="37" fillId="3" borderId="43" xfId="0" applyFont="1" applyFill="1" applyBorder="1" applyAlignment="1" applyProtection="1">
      <alignment horizontal="center" vertical="center" wrapText="1" shrinkToFit="1"/>
      <protection locked="0"/>
    </xf>
    <xf numFmtId="0" fontId="37" fillId="3" borderId="1" xfId="0" applyFont="1" applyFill="1" applyBorder="1" applyAlignment="1" applyProtection="1">
      <alignment horizontal="center" vertical="center" wrapText="1" shrinkToFit="1"/>
      <protection locked="0"/>
    </xf>
    <xf numFmtId="0" fontId="37" fillId="3" borderId="48" xfId="0" applyFont="1" applyFill="1" applyBorder="1" applyAlignment="1" applyProtection="1">
      <alignment horizontal="center" vertical="center" wrapText="1" shrinkToFit="1"/>
      <protection locked="0"/>
    </xf>
    <xf numFmtId="0" fontId="15" fillId="0" borderId="31" xfId="0" applyFont="1" applyBorder="1" applyAlignment="1" applyProtection="1">
      <alignment horizontal="left" vertical="top" shrinkToFit="1"/>
      <protection hidden="1"/>
    </xf>
    <xf numFmtId="0" fontId="15" fillId="0" borderId="32" xfId="0" applyFont="1" applyBorder="1" applyAlignment="1" applyProtection="1">
      <alignment horizontal="left" vertical="top" shrinkToFit="1"/>
      <protection hidden="1"/>
    </xf>
    <xf numFmtId="0" fontId="15" fillId="0" borderId="35" xfId="0" applyFont="1" applyBorder="1" applyAlignment="1" applyProtection="1">
      <alignment horizontal="left" vertical="top" shrinkToFit="1"/>
      <protection hidden="1"/>
    </xf>
    <xf numFmtId="0" fontId="15" fillId="0" borderId="40" xfId="0" applyFont="1" applyBorder="1" applyAlignment="1" applyProtection="1">
      <alignment horizontal="left" vertical="top" shrinkToFit="1"/>
      <protection hidden="1"/>
    </xf>
    <xf numFmtId="0" fontId="15" fillId="0" borderId="0" xfId="0" applyFont="1" applyAlignment="1" applyProtection="1">
      <alignment horizontal="left" vertical="top" shrinkToFit="1"/>
      <protection hidden="1"/>
    </xf>
    <xf numFmtId="0" fontId="15" fillId="0" borderId="43" xfId="0" applyFont="1" applyBorder="1" applyAlignment="1" applyProtection="1">
      <alignment horizontal="left" vertical="top" shrinkToFit="1"/>
      <protection hidden="1"/>
    </xf>
    <xf numFmtId="0" fontId="15" fillId="0" borderId="45" xfId="0" applyFont="1" applyBorder="1" applyAlignment="1" applyProtection="1">
      <alignment horizontal="left" vertical="top" shrinkToFit="1"/>
      <protection hidden="1"/>
    </xf>
    <xf numFmtId="0" fontId="15" fillId="0" borderId="1" xfId="0" applyFont="1" applyBorder="1" applyAlignment="1" applyProtection="1">
      <alignment horizontal="left" vertical="top" shrinkToFit="1"/>
      <protection hidden="1"/>
    </xf>
    <xf numFmtId="0" fontId="15" fillId="0" borderId="48" xfId="0" applyFont="1" applyBorder="1" applyAlignment="1" applyProtection="1">
      <alignment horizontal="left" vertical="top" shrinkToFit="1"/>
      <protection hidden="1"/>
    </xf>
    <xf numFmtId="0" fontId="15" fillId="13" borderId="10" xfId="0" applyFont="1" applyFill="1" applyBorder="1" applyAlignment="1">
      <alignment horizontal="distributed" vertical="center" wrapText="1" indent="1"/>
    </xf>
    <xf numFmtId="0" fontId="7" fillId="0" borderId="5" xfId="0" applyFont="1" applyBorder="1" applyAlignment="1">
      <alignment horizontal="distributed" vertical="center" wrapText="1" indent="1"/>
    </xf>
    <xf numFmtId="0" fontId="7" fillId="0" borderId="9" xfId="0" applyFont="1" applyBorder="1" applyAlignment="1">
      <alignment horizontal="distributed" vertical="center" wrapText="1" indent="1"/>
    </xf>
    <xf numFmtId="0" fontId="22" fillId="0" borderId="42" xfId="0" applyFont="1" applyBorder="1" applyAlignment="1" applyProtection="1">
      <alignment vertical="center" wrapText="1"/>
      <protection locked="0"/>
    </xf>
    <xf numFmtId="0" fontId="22" fillId="0" borderId="0" xfId="0" applyFont="1" applyAlignment="1" applyProtection="1">
      <alignment vertical="center" wrapText="1"/>
      <protection locked="0"/>
    </xf>
    <xf numFmtId="0" fontId="22" fillId="0" borderId="43" xfId="0" applyFont="1" applyBorder="1" applyAlignment="1" applyProtection="1">
      <alignment vertical="center" wrapText="1"/>
      <protection locked="0"/>
    </xf>
    <xf numFmtId="0" fontId="23" fillId="5" borderId="46" xfId="0" applyFont="1" applyFill="1" applyBorder="1" applyAlignment="1">
      <alignment horizontal="distributed" vertical="center" wrapText="1" indent="1" shrinkToFit="1"/>
    </xf>
    <xf numFmtId="0" fontId="27" fillId="0" borderId="5" xfId="0" applyFont="1" applyBorder="1" applyAlignment="1">
      <alignment horizontal="distributed" vertical="center" indent="1" shrinkToFit="1"/>
    </xf>
    <xf numFmtId="0" fontId="27" fillId="0" borderId="9" xfId="0" applyFont="1" applyBorder="1" applyAlignment="1">
      <alignment horizontal="distributed" vertical="center" indent="1" shrinkToFit="1"/>
    </xf>
    <xf numFmtId="0" fontId="27" fillId="0" borderId="40" xfId="0" applyFont="1" applyBorder="1" applyAlignment="1">
      <alignment horizontal="distributed" vertical="center" indent="1" shrinkToFit="1"/>
    </xf>
    <xf numFmtId="0" fontId="27" fillId="0" borderId="0" xfId="0" applyFont="1" applyAlignment="1">
      <alignment horizontal="distributed" vertical="center" indent="1" shrinkToFit="1"/>
    </xf>
    <xf numFmtId="0" fontId="27" fillId="0" borderId="41" xfId="0" applyFont="1" applyBorder="1" applyAlignment="1">
      <alignment horizontal="distributed" vertical="center" indent="1" shrinkToFit="1"/>
    </xf>
    <xf numFmtId="0" fontId="27" fillId="0" borderId="63" xfId="0" applyFont="1" applyBorder="1" applyAlignment="1">
      <alignment horizontal="distributed" vertical="center" indent="1" shrinkToFit="1"/>
    </xf>
    <xf numFmtId="0" fontId="27" fillId="0" borderId="30" xfId="0" applyFont="1" applyBorder="1" applyAlignment="1">
      <alignment horizontal="distributed" vertical="center" indent="1" shrinkToFit="1"/>
    </xf>
    <xf numFmtId="0" fontId="27" fillId="0" borderId="64" xfId="0" applyFont="1" applyBorder="1" applyAlignment="1">
      <alignment horizontal="distributed" vertical="center" indent="1" shrinkToFit="1"/>
    </xf>
    <xf numFmtId="0" fontId="23" fillId="3" borderId="42" xfId="0" applyFont="1" applyFill="1" applyBorder="1" applyAlignment="1">
      <alignment horizontal="center" vertical="center" wrapText="1"/>
    </xf>
    <xf numFmtId="0" fontId="23" fillId="3" borderId="0" xfId="0" applyFont="1" applyFill="1" applyAlignment="1">
      <alignment horizontal="center" vertical="center" wrapText="1"/>
    </xf>
    <xf numFmtId="0" fontId="23" fillId="3" borderId="43" xfId="0" applyFont="1" applyFill="1" applyBorder="1" applyAlignment="1">
      <alignment horizontal="center" vertical="center" wrapText="1"/>
    </xf>
    <xf numFmtId="0" fontId="22" fillId="0" borderId="10" xfId="0" applyFont="1" applyBorder="1" applyAlignment="1" applyProtection="1">
      <alignment horizontal="center" vertical="center" shrinkToFit="1"/>
      <protection hidden="1"/>
    </xf>
    <xf numFmtId="0" fontId="22" fillId="0" borderId="5" xfId="0" applyFont="1" applyBorder="1" applyAlignment="1" applyProtection="1">
      <alignment horizontal="center" vertical="center" shrinkToFit="1"/>
      <protection hidden="1"/>
    </xf>
    <xf numFmtId="0" fontId="22" fillId="0" borderId="9" xfId="0" applyFont="1" applyBorder="1" applyAlignment="1" applyProtection="1">
      <alignment horizontal="center" vertical="center" shrinkToFit="1"/>
      <protection hidden="1"/>
    </xf>
    <xf numFmtId="0" fontId="22" fillId="0" borderId="8" xfId="0" applyFont="1" applyBorder="1" applyAlignment="1" applyProtection="1">
      <alignment horizontal="center" vertical="center" shrinkToFit="1"/>
      <protection hidden="1"/>
    </xf>
    <xf numFmtId="0" fontId="22" fillId="0" borderId="1" xfId="0" applyFont="1" applyBorder="1" applyAlignment="1" applyProtection="1">
      <alignment horizontal="center" vertical="center" shrinkToFit="1"/>
      <protection hidden="1"/>
    </xf>
    <xf numFmtId="0" fontId="22" fillId="0" borderId="2" xfId="0" applyFont="1" applyBorder="1" applyAlignment="1" applyProtection="1">
      <alignment horizontal="center" vertical="center" shrinkToFit="1"/>
      <protection hidden="1"/>
    </xf>
    <xf numFmtId="0" fontId="15" fillId="5" borderId="10" xfId="0" applyFont="1" applyFill="1" applyBorder="1" applyAlignment="1" applyProtection="1">
      <alignment horizontal="distributed" vertical="center" indent="1" shrinkToFit="1"/>
      <protection hidden="1"/>
    </xf>
    <xf numFmtId="0" fontId="15" fillId="0" borderId="0" xfId="0" applyFont="1" applyAlignment="1">
      <alignment horizontal="center" vertical="center" wrapText="1"/>
    </xf>
    <xf numFmtId="0" fontId="15" fillId="0" borderId="43" xfId="0" applyFont="1" applyBorder="1" applyAlignment="1">
      <alignment horizontal="center" vertical="center" wrapText="1"/>
    </xf>
    <xf numFmtId="0" fontId="7" fillId="0" borderId="63" xfId="0" applyFont="1" applyBorder="1" applyAlignment="1">
      <alignment horizontal="distributed" vertical="center" indent="1" shrinkToFit="1"/>
    </xf>
    <xf numFmtId="0" fontId="7" fillId="0" borderId="30" xfId="0" applyFont="1" applyBorder="1" applyAlignment="1">
      <alignment horizontal="distributed" vertical="center" indent="1" shrinkToFit="1"/>
    </xf>
    <xf numFmtId="0" fontId="7" fillId="0" borderId="64" xfId="0" applyFont="1" applyBorder="1" applyAlignment="1">
      <alignment horizontal="distributed" vertical="center" indent="1" shrinkToFit="1"/>
    </xf>
    <xf numFmtId="0" fontId="22" fillId="0" borderId="65" xfId="0" applyFont="1" applyBorder="1" applyAlignment="1" applyProtection="1">
      <alignment horizontal="center" vertical="center" shrinkToFit="1"/>
      <protection hidden="1"/>
    </xf>
    <xf numFmtId="0" fontId="22" fillId="0" borderId="30" xfId="0" applyFont="1" applyBorder="1" applyAlignment="1" applyProtection="1">
      <alignment horizontal="center" vertical="center" shrinkToFit="1"/>
      <protection hidden="1"/>
    </xf>
    <xf numFmtId="0" fontId="22" fillId="0" borderId="64" xfId="0" applyFont="1" applyBorder="1" applyAlignment="1" applyProtection="1">
      <alignment horizontal="center" vertical="center" shrinkToFit="1"/>
      <protection hidden="1"/>
    </xf>
    <xf numFmtId="0" fontId="7" fillId="0" borderId="65" xfId="0" applyFont="1" applyBorder="1" applyAlignment="1">
      <alignment horizontal="distributed" vertical="center" indent="1" shrinkToFit="1"/>
    </xf>
    <xf numFmtId="0" fontId="29" fillId="5" borderId="46" xfId="0" applyFont="1" applyFill="1" applyBorder="1" applyAlignment="1">
      <alignment horizontal="distributed" vertical="center" wrapText="1" indent="1"/>
    </xf>
    <xf numFmtId="0" fontId="7" fillId="0" borderId="40" xfId="0" applyFont="1" applyBorder="1" applyAlignment="1">
      <alignment horizontal="distributed" vertical="center" wrapText="1" indent="1"/>
    </xf>
    <xf numFmtId="0" fontId="7" fillId="0" borderId="45" xfId="0" applyFont="1" applyBorder="1" applyAlignment="1">
      <alignment horizontal="distributed" vertical="center" wrapText="1" indent="1"/>
    </xf>
    <xf numFmtId="0" fontId="22" fillId="0" borderId="10" xfId="0" applyFont="1" applyBorder="1" applyAlignment="1" applyProtection="1">
      <alignment vertical="center" wrapText="1" shrinkToFit="1"/>
      <protection locked="0"/>
    </xf>
    <xf numFmtId="0" fontId="22" fillId="0" borderId="5" xfId="0" applyFont="1" applyBorder="1" applyAlignment="1" applyProtection="1">
      <alignment vertical="center" wrapText="1" shrinkToFit="1"/>
      <protection locked="0"/>
    </xf>
    <xf numFmtId="0" fontId="22" fillId="0" borderId="49" xfId="0" applyFont="1" applyBorder="1" applyAlignment="1" applyProtection="1">
      <alignment vertical="center" wrapText="1" shrinkToFit="1"/>
      <protection locked="0"/>
    </xf>
    <xf numFmtId="0" fontId="22" fillId="0" borderId="42" xfId="0" applyFont="1" applyBorder="1" applyAlignment="1" applyProtection="1">
      <alignment vertical="center" wrapText="1" shrinkToFit="1"/>
      <protection locked="0"/>
    </xf>
    <xf numFmtId="0" fontId="22" fillId="0" borderId="0" xfId="0" applyFont="1" applyAlignment="1" applyProtection="1">
      <alignment vertical="center" wrapText="1" shrinkToFit="1"/>
      <protection locked="0"/>
    </xf>
    <xf numFmtId="0" fontId="22" fillId="0" borderId="43" xfId="0" applyFont="1" applyBorder="1" applyAlignment="1" applyProtection="1">
      <alignment vertical="center" wrapText="1" shrinkToFit="1"/>
      <protection locked="0"/>
    </xf>
    <xf numFmtId="0" fontId="22" fillId="0" borderId="8" xfId="0" applyFont="1" applyBorder="1" applyAlignment="1" applyProtection="1">
      <alignment vertical="center" wrapText="1" shrinkToFit="1"/>
      <protection locked="0"/>
    </xf>
    <xf numFmtId="0" fontId="22" fillId="0" borderId="1" xfId="0" applyFont="1" applyBorder="1" applyAlignment="1" applyProtection="1">
      <alignment vertical="center" wrapText="1" shrinkToFit="1"/>
      <protection locked="0"/>
    </xf>
    <xf numFmtId="0" fontId="22" fillId="0" borderId="48" xfId="0" applyFont="1" applyBorder="1" applyAlignment="1" applyProtection="1">
      <alignment vertical="center" wrapText="1" shrinkToFit="1"/>
      <protection locked="0"/>
    </xf>
    <xf numFmtId="0" fontId="15" fillId="5" borderId="46" xfId="0" applyFont="1" applyFill="1" applyBorder="1" applyAlignment="1">
      <alignment horizontal="distributed" vertical="center" wrapText="1" indent="1"/>
    </xf>
    <xf numFmtId="0" fontId="7" fillId="0" borderId="63" xfId="0" applyFont="1" applyBorder="1" applyAlignment="1">
      <alignment horizontal="distributed" vertical="center" wrapText="1" indent="1"/>
    </xf>
    <xf numFmtId="0" fontId="7" fillId="0" borderId="30" xfId="0" applyFont="1" applyBorder="1" applyAlignment="1">
      <alignment horizontal="distributed" vertical="center" wrapText="1" indent="1"/>
    </xf>
    <xf numFmtId="0" fontId="7" fillId="0" borderId="64" xfId="0" applyFont="1" applyBorder="1" applyAlignment="1">
      <alignment horizontal="distributed" vertical="center" wrapText="1" indent="1"/>
    </xf>
    <xf numFmtId="0" fontId="22" fillId="0" borderId="65" xfId="0" applyFont="1" applyBorder="1" applyAlignment="1" applyProtection="1">
      <alignment vertical="center" wrapText="1" shrinkToFit="1"/>
      <protection locked="0"/>
    </xf>
    <xf numFmtId="0" fontId="22" fillId="0" borderId="30" xfId="0" applyFont="1" applyBorder="1" applyAlignment="1" applyProtection="1">
      <alignment vertical="center" wrapText="1" shrinkToFit="1"/>
      <protection locked="0"/>
    </xf>
    <xf numFmtId="0" fontId="22" fillId="0" borderId="66" xfId="0" applyFont="1" applyBorder="1" applyAlignment="1" applyProtection="1">
      <alignment vertical="center" wrapText="1" shrinkToFit="1"/>
      <protection locked="0"/>
    </xf>
    <xf numFmtId="0" fontId="15" fillId="9" borderId="51" xfId="0" applyFont="1" applyFill="1" applyBorder="1" applyAlignment="1" applyProtection="1">
      <alignment horizontal="center" vertical="center" shrinkToFit="1"/>
      <protection hidden="1"/>
    </xf>
    <xf numFmtId="0" fontId="15" fillId="9" borderId="54" xfId="0" applyFont="1" applyFill="1" applyBorder="1" applyAlignment="1" applyProtection="1">
      <alignment horizontal="center" vertical="center" shrinkToFit="1"/>
      <protection hidden="1"/>
    </xf>
    <xf numFmtId="0" fontId="22" fillId="0" borderId="52" xfId="0" applyFont="1" applyBorder="1" applyAlignment="1" applyProtection="1">
      <alignment horizontal="center" vertical="center" shrinkToFit="1"/>
      <protection hidden="1"/>
    </xf>
    <xf numFmtId="0" fontId="22" fillId="0" borderId="55" xfId="0" applyFont="1" applyBorder="1" applyAlignment="1" applyProtection="1">
      <alignment horizontal="center" vertical="center" shrinkToFit="1"/>
      <protection hidden="1"/>
    </xf>
    <xf numFmtId="0" fontId="22" fillId="0" borderId="53" xfId="0" applyFont="1" applyBorder="1" applyAlignment="1" applyProtection="1">
      <alignment vertical="center" shrinkToFit="1"/>
      <protection hidden="1"/>
    </xf>
    <xf numFmtId="0" fontId="22" fillId="0" borderId="4" xfId="0" applyFont="1" applyBorder="1" applyAlignment="1" applyProtection="1">
      <alignment vertical="center" shrinkToFit="1"/>
      <protection hidden="1"/>
    </xf>
    <xf numFmtId="0" fontId="22" fillId="0" borderId="47" xfId="0" applyFont="1" applyBorder="1" applyAlignment="1" applyProtection="1">
      <alignment vertical="center" shrinkToFit="1"/>
      <protection hidden="1"/>
    </xf>
    <xf numFmtId="0" fontId="22" fillId="0" borderId="57" xfId="0" applyFont="1" applyBorder="1" applyAlignment="1" applyProtection="1">
      <alignment vertical="center" shrinkToFit="1"/>
      <protection hidden="1"/>
    </xf>
    <xf numFmtId="0" fontId="22" fillId="0" borderId="5" xfId="0" applyFont="1" applyBorder="1" applyAlignment="1" applyProtection="1">
      <alignment vertical="center" shrinkToFit="1"/>
      <protection hidden="1"/>
    </xf>
    <xf numFmtId="0" fontId="22" fillId="0" borderId="49" xfId="0" applyFont="1" applyBorder="1" applyAlignment="1" applyProtection="1">
      <alignment vertical="center" shrinkToFit="1"/>
      <protection hidden="1"/>
    </xf>
    <xf numFmtId="176" fontId="22" fillId="0" borderId="14" xfId="0" applyNumberFormat="1" applyFont="1" applyBorder="1" applyAlignment="1" applyProtection="1">
      <alignment horizontal="center" vertical="center" shrinkToFit="1"/>
      <protection locked="0"/>
    </xf>
    <xf numFmtId="176" fontId="22" fillId="0" borderId="60" xfId="0" applyNumberFormat="1" applyFont="1" applyBorder="1" applyAlignment="1" applyProtection="1">
      <alignment horizontal="center" vertical="center" shrinkToFit="1"/>
      <protection locked="0"/>
    </xf>
    <xf numFmtId="176" fontId="22" fillId="0" borderId="61" xfId="0" applyNumberFormat="1" applyFont="1" applyBorder="1" applyAlignment="1" applyProtection="1">
      <alignment horizontal="center" vertical="center" shrinkToFit="1"/>
      <protection locked="0"/>
    </xf>
    <xf numFmtId="176" fontId="22" fillId="0" borderId="15" xfId="0" applyNumberFormat="1" applyFont="1" applyBorder="1" applyAlignment="1" applyProtection="1">
      <alignment horizontal="center" vertical="center" shrinkToFit="1"/>
      <protection locked="0"/>
    </xf>
    <xf numFmtId="177" fontId="22" fillId="0" borderId="14" xfId="0" applyNumberFormat="1" applyFont="1" applyBorder="1" applyAlignment="1" applyProtection="1">
      <alignment horizontal="center" vertical="center" shrinkToFit="1"/>
      <protection locked="0"/>
    </xf>
    <xf numFmtId="177" fontId="22" fillId="0" borderId="62" xfId="0" applyNumberFormat="1" applyFont="1" applyBorder="1" applyAlignment="1" applyProtection="1">
      <alignment horizontal="center" vertical="center" shrinkToFit="1"/>
      <protection locked="0"/>
    </xf>
    <xf numFmtId="0" fontId="27" fillId="0" borderId="45" xfId="0" applyFont="1" applyBorder="1" applyAlignment="1">
      <alignment horizontal="distributed" vertical="center" indent="1" shrinkToFit="1"/>
    </xf>
    <xf numFmtId="0" fontId="27" fillId="0" borderId="1" xfId="0" applyFont="1" applyBorder="1" applyAlignment="1">
      <alignment horizontal="distributed" vertical="center" indent="1" shrinkToFit="1"/>
    </xf>
    <xf numFmtId="0" fontId="27" fillId="0" borderId="2" xfId="0" applyFont="1" applyBorder="1" applyAlignment="1">
      <alignment horizontal="distributed" vertical="center" indent="1" shrinkToFit="1"/>
    </xf>
    <xf numFmtId="0" fontId="29" fillId="9" borderId="56" xfId="0" applyFont="1" applyFill="1" applyBorder="1" applyAlignment="1">
      <alignment horizontal="center" vertical="center" wrapText="1"/>
    </xf>
    <xf numFmtId="0" fontId="29" fillId="9" borderId="58" xfId="0" applyFont="1" applyFill="1" applyBorder="1" applyAlignment="1">
      <alignment horizontal="center" vertical="center" wrapText="1"/>
    </xf>
    <xf numFmtId="0" fontId="35" fillId="0" borderId="57" xfId="0" applyFont="1" applyBorder="1" applyAlignment="1" applyProtection="1">
      <alignment horizontal="center" vertical="center" shrinkToFit="1"/>
      <protection locked="0"/>
    </xf>
    <xf numFmtId="0" fontId="35" fillId="0" borderId="5" xfId="0" applyFont="1" applyBorder="1" applyAlignment="1" applyProtection="1">
      <alignment horizontal="center" vertical="center" shrinkToFit="1"/>
      <protection locked="0"/>
    </xf>
    <xf numFmtId="0" fontId="35" fillId="0" borderId="9" xfId="0" applyFont="1" applyBorder="1" applyAlignment="1" applyProtection="1">
      <alignment horizontal="center" vertical="center" shrinkToFit="1"/>
      <protection locked="0"/>
    </xf>
    <xf numFmtId="0" fontId="35" fillId="0" borderId="59" xfId="0" applyFont="1" applyBorder="1" applyAlignment="1" applyProtection="1">
      <alignment horizontal="center" vertical="center" shrinkToFit="1"/>
      <protection locked="0"/>
    </xf>
    <xf numFmtId="0" fontId="35" fillId="0" borderId="1" xfId="0" applyFont="1" applyBorder="1" applyAlignment="1" applyProtection="1">
      <alignment horizontal="center" vertical="center" shrinkToFit="1"/>
      <protection locked="0"/>
    </xf>
    <xf numFmtId="0" fontId="35" fillId="0" borderId="2" xfId="0" applyFont="1" applyBorder="1" applyAlignment="1" applyProtection="1">
      <alignment horizontal="center" vertical="center" shrinkToFit="1"/>
      <protection locked="0"/>
    </xf>
    <xf numFmtId="0" fontId="22" fillId="0" borderId="57" xfId="0" applyFont="1" applyBorder="1" applyAlignment="1" applyProtection="1">
      <alignment horizontal="center" vertical="center" shrinkToFit="1"/>
      <protection locked="0"/>
    </xf>
    <xf numFmtId="0" fontId="22" fillId="0" borderId="5" xfId="0" applyFont="1" applyBorder="1" applyAlignment="1" applyProtection="1">
      <alignment horizontal="center" vertical="center" shrinkToFit="1"/>
      <protection locked="0"/>
    </xf>
    <xf numFmtId="0" fontId="22" fillId="0" borderId="9" xfId="0" applyFont="1" applyBorder="1" applyAlignment="1" applyProtection="1">
      <alignment horizontal="center" vertical="center" shrinkToFit="1"/>
      <protection locked="0"/>
    </xf>
    <xf numFmtId="0" fontId="22" fillId="0" borderId="59" xfId="0" applyFont="1" applyBorder="1" applyAlignment="1" applyProtection="1">
      <alignment horizontal="center" vertical="center" shrinkToFit="1"/>
      <protection locked="0"/>
    </xf>
    <xf numFmtId="0" fontId="22" fillId="0" borderId="1" xfId="0" applyFont="1" applyBorder="1" applyAlignment="1" applyProtection="1">
      <alignment horizontal="center" vertical="center" shrinkToFit="1"/>
      <protection locked="0"/>
    </xf>
    <xf numFmtId="0" fontId="22" fillId="0" borderId="2" xfId="0" applyFont="1" applyBorder="1" applyAlignment="1" applyProtection="1">
      <alignment horizontal="center" vertical="center" shrinkToFit="1"/>
      <protection locked="0"/>
    </xf>
    <xf numFmtId="0" fontId="15" fillId="5" borderId="10" xfId="0" applyFont="1" applyFill="1" applyBorder="1" applyAlignment="1">
      <alignment horizontal="distributed" vertical="center" indent="1" shrinkToFit="1"/>
    </xf>
    <xf numFmtId="0" fontId="15" fillId="5" borderId="8" xfId="0" applyFont="1" applyFill="1" applyBorder="1" applyAlignment="1">
      <alignment horizontal="distributed" vertical="center" indent="1" shrinkToFit="1"/>
    </xf>
    <xf numFmtId="0" fontId="36" fillId="12" borderId="11" xfId="0" applyFont="1" applyFill="1" applyBorder="1" applyAlignment="1">
      <alignment horizontal="center" vertical="center"/>
    </xf>
    <xf numFmtId="0" fontId="36" fillId="12" borderId="12" xfId="0" applyFont="1" applyFill="1" applyBorder="1" applyAlignment="1">
      <alignment horizontal="center" vertical="center"/>
    </xf>
    <xf numFmtId="0" fontId="36" fillId="12" borderId="13" xfId="0" applyFont="1" applyFill="1" applyBorder="1" applyAlignment="1">
      <alignment horizontal="center" vertical="center"/>
    </xf>
    <xf numFmtId="0" fontId="36" fillId="12" borderId="10" xfId="0" applyFont="1" applyFill="1" applyBorder="1" applyAlignment="1">
      <alignment horizontal="center" vertical="center" wrapText="1"/>
    </xf>
    <xf numFmtId="0" fontId="36" fillId="12" borderId="49" xfId="0" applyFont="1" applyFill="1" applyBorder="1" applyAlignment="1">
      <alignment horizontal="center" vertical="center" wrapText="1"/>
    </xf>
    <xf numFmtId="0" fontId="34" fillId="0" borderId="42" xfId="1" applyFont="1" applyFill="1" applyBorder="1" applyAlignment="1" applyProtection="1">
      <alignment horizontal="center" vertical="center" shrinkToFit="1"/>
      <protection hidden="1"/>
    </xf>
    <xf numFmtId="0" fontId="34" fillId="0" borderId="0" xfId="1" applyFont="1" applyFill="1" applyBorder="1" applyAlignment="1" applyProtection="1">
      <alignment horizontal="center" vertical="center" shrinkToFit="1"/>
      <protection hidden="1"/>
    </xf>
    <xf numFmtId="0" fontId="34" fillId="0" borderId="41" xfId="1" applyFont="1" applyFill="1" applyBorder="1" applyAlignment="1" applyProtection="1">
      <alignment horizontal="center" vertical="center" shrinkToFit="1"/>
      <protection hidden="1"/>
    </xf>
    <xf numFmtId="0" fontId="34" fillId="0" borderId="8" xfId="1" applyFont="1" applyFill="1" applyBorder="1" applyAlignment="1" applyProtection="1">
      <alignment horizontal="center" vertical="center" shrinkToFit="1"/>
      <protection hidden="1"/>
    </xf>
    <xf numFmtId="0" fontId="34" fillId="0" borderId="1" xfId="1" applyFont="1" applyFill="1" applyBorder="1" applyAlignment="1" applyProtection="1">
      <alignment horizontal="center" vertical="center" shrinkToFit="1"/>
      <protection hidden="1"/>
    </xf>
    <xf numFmtId="0" fontId="34" fillId="0" borderId="2" xfId="1" applyFont="1" applyFill="1" applyBorder="1" applyAlignment="1" applyProtection="1">
      <alignment horizontal="center" vertical="center" shrinkToFit="1"/>
      <protection hidden="1"/>
    </xf>
    <xf numFmtId="0" fontId="15" fillId="5" borderId="46" xfId="0" applyFont="1" applyFill="1" applyBorder="1" applyAlignment="1">
      <alignment horizontal="distributed" vertical="center" indent="1" shrinkToFit="1"/>
    </xf>
    <xf numFmtId="0" fontId="28" fillId="0" borderId="10" xfId="0" applyFont="1" applyBorder="1" applyAlignment="1" applyProtection="1">
      <alignment horizontal="center" vertical="center" shrinkToFit="1"/>
      <protection locked="0"/>
    </xf>
    <xf numFmtId="0" fontId="28" fillId="0" borderId="5" xfId="0" applyFont="1" applyBorder="1" applyAlignment="1" applyProtection="1">
      <alignment horizontal="center" vertical="center" shrinkToFit="1"/>
      <protection locked="0"/>
    </xf>
    <xf numFmtId="0" fontId="30" fillId="0" borderId="5" xfId="0" applyFont="1" applyBorder="1" applyAlignment="1">
      <alignment horizontal="center" vertical="center" shrinkToFit="1"/>
    </xf>
    <xf numFmtId="0" fontId="30" fillId="0" borderId="9" xfId="0" applyFont="1" applyBorder="1" applyAlignment="1">
      <alignment horizontal="center" vertical="center" shrinkToFit="1"/>
    </xf>
    <xf numFmtId="0" fontId="28" fillId="0" borderId="8" xfId="0" applyFont="1" applyBorder="1" applyAlignment="1" applyProtection="1">
      <alignment horizontal="center" vertical="center" shrinkToFit="1"/>
      <protection locked="0"/>
    </xf>
    <xf numFmtId="0" fontId="28" fillId="0" borderId="1" xfId="0" applyFont="1" applyBorder="1" applyAlignment="1" applyProtection="1">
      <alignment horizontal="center" vertical="center" shrinkToFit="1"/>
      <protection locked="0"/>
    </xf>
    <xf numFmtId="0" fontId="30" fillId="0" borderId="1" xfId="0" applyFont="1" applyBorder="1" applyAlignment="1">
      <alignment horizontal="center" vertical="center" shrinkToFit="1"/>
    </xf>
    <xf numFmtId="0" fontId="30" fillId="0" borderId="2" xfId="0" applyFont="1" applyBorder="1" applyAlignment="1">
      <alignment horizontal="center" vertical="center" shrinkToFit="1"/>
    </xf>
    <xf numFmtId="0" fontId="15" fillId="5" borderId="10" xfId="0" applyFont="1" applyFill="1" applyBorder="1" applyAlignment="1">
      <alignment horizontal="distributed" vertical="center" wrapText="1" indent="1" shrinkToFit="1"/>
    </xf>
    <xf numFmtId="0" fontId="7" fillId="0" borderId="5" xfId="0" applyFont="1" applyBorder="1" applyAlignment="1">
      <alignment horizontal="distributed" vertical="center" wrapText="1" indent="1" shrinkToFit="1"/>
    </xf>
    <xf numFmtId="0" fontId="7" fillId="0" borderId="9" xfId="0" applyFont="1" applyBorder="1" applyAlignment="1">
      <alignment horizontal="distributed" vertical="center" wrapText="1" indent="1" shrinkToFit="1"/>
    </xf>
    <xf numFmtId="0" fontId="7" fillId="0" borderId="8" xfId="0" applyFont="1" applyBorder="1" applyAlignment="1">
      <alignment horizontal="distributed" vertical="center" wrapText="1" indent="1" shrinkToFit="1"/>
    </xf>
    <xf numFmtId="0" fontId="7" fillId="0" borderId="1" xfId="0" applyFont="1" applyBorder="1" applyAlignment="1">
      <alignment horizontal="distributed" vertical="center" wrapText="1" indent="1" shrinkToFit="1"/>
    </xf>
    <xf numFmtId="0" fontId="7" fillId="0" borderId="2" xfId="0" applyFont="1" applyBorder="1" applyAlignment="1">
      <alignment horizontal="distributed" vertical="center" wrapText="1" indent="1" shrinkToFit="1"/>
    </xf>
    <xf numFmtId="0" fontId="23" fillId="3" borderId="10" xfId="0" applyFont="1" applyFill="1" applyBorder="1" applyAlignment="1">
      <alignment horizontal="center" vertical="center" wrapText="1"/>
    </xf>
    <xf numFmtId="0" fontId="23" fillId="3" borderId="5" xfId="0" applyFont="1" applyFill="1" applyBorder="1" applyAlignment="1">
      <alignment horizontal="center" vertical="center" wrapText="1"/>
    </xf>
    <xf numFmtId="0" fontId="23" fillId="3" borderId="8" xfId="0" applyFont="1" applyFill="1" applyBorder="1" applyAlignment="1">
      <alignment horizontal="center" vertical="center" wrapText="1"/>
    </xf>
    <xf numFmtId="0" fontId="23" fillId="3" borderId="1" xfId="0" applyFont="1" applyFill="1" applyBorder="1" applyAlignment="1">
      <alignment horizontal="center" vertical="center" wrapText="1"/>
    </xf>
    <xf numFmtId="0" fontId="22" fillId="0" borderId="0" xfId="0" applyFont="1" applyAlignment="1">
      <alignment horizontal="center" vertical="center" shrinkToFit="1"/>
    </xf>
    <xf numFmtId="0" fontId="30" fillId="0" borderId="43" xfId="0" applyFont="1" applyBorder="1" applyAlignment="1">
      <alignment horizontal="center" vertical="center" shrinkToFit="1"/>
    </xf>
    <xf numFmtId="5" fontId="28" fillId="10" borderId="10" xfId="0" applyNumberFormat="1" applyFont="1" applyFill="1" applyBorder="1" applyAlignment="1" applyProtection="1">
      <alignment horizontal="center" vertical="center" shrinkToFit="1"/>
      <protection locked="0"/>
    </xf>
    <xf numFmtId="5" fontId="28" fillId="10" borderId="49" xfId="0" applyNumberFormat="1" applyFont="1" applyFill="1" applyBorder="1" applyAlignment="1" applyProtection="1">
      <alignment horizontal="center" vertical="center" shrinkToFit="1"/>
      <protection locked="0"/>
    </xf>
    <xf numFmtId="5" fontId="28" fillId="10" borderId="8" xfId="0" applyNumberFormat="1" applyFont="1" applyFill="1" applyBorder="1" applyAlignment="1" applyProtection="1">
      <alignment horizontal="center" vertical="center" shrinkToFit="1"/>
      <protection locked="0"/>
    </xf>
    <xf numFmtId="5" fontId="28" fillId="10" borderId="48" xfId="0" applyNumberFormat="1" applyFont="1" applyFill="1" applyBorder="1" applyAlignment="1" applyProtection="1">
      <alignment horizontal="center" vertical="center" shrinkToFit="1"/>
      <protection locked="0"/>
    </xf>
    <xf numFmtId="0" fontId="31" fillId="2" borderId="42" xfId="0" applyFont="1" applyFill="1" applyBorder="1" applyAlignment="1">
      <alignment horizontal="center" vertical="center" wrapText="1"/>
    </xf>
    <xf numFmtId="0" fontId="31" fillId="2" borderId="0" xfId="0" applyFont="1" applyFill="1" applyAlignment="1">
      <alignment horizontal="center" vertical="center" wrapText="1"/>
    </xf>
    <xf numFmtId="0" fontId="31" fillId="2" borderId="8" xfId="0" applyFont="1" applyFill="1" applyBorder="1" applyAlignment="1">
      <alignment horizontal="center" vertical="center" wrapText="1"/>
    </xf>
    <xf numFmtId="0" fontId="31" fillId="2" borderId="1" xfId="0" applyFont="1" applyFill="1" applyBorder="1" applyAlignment="1">
      <alignment horizontal="center" vertical="center" wrapText="1"/>
    </xf>
    <xf numFmtId="0" fontId="32" fillId="11" borderId="5" xfId="0" applyFont="1" applyFill="1" applyBorder="1" applyAlignment="1" applyProtection="1">
      <alignment vertical="center" shrinkToFit="1"/>
      <protection locked="0"/>
    </xf>
    <xf numFmtId="0" fontId="33" fillId="11" borderId="49" xfId="0" applyFont="1" applyFill="1" applyBorder="1" applyAlignment="1">
      <alignment vertical="center" shrinkToFit="1"/>
    </xf>
    <xf numFmtId="0" fontId="32" fillId="11" borderId="1" xfId="0" applyFont="1" applyFill="1" applyBorder="1" applyAlignment="1" applyProtection="1">
      <alignment vertical="center" shrinkToFit="1"/>
      <protection locked="0"/>
    </xf>
    <xf numFmtId="0" fontId="33" fillId="11" borderId="48" xfId="0" applyFont="1" applyFill="1" applyBorder="1" applyAlignment="1">
      <alignment vertical="center" shrinkToFit="1"/>
    </xf>
    <xf numFmtId="0" fontId="29" fillId="5" borderId="10" xfId="0" applyFont="1" applyFill="1" applyBorder="1" applyAlignment="1">
      <alignment horizontal="distributed" vertical="center" indent="1" shrinkToFit="1"/>
    </xf>
    <xf numFmtId="0" fontId="29" fillId="9" borderId="10" xfId="0" applyFont="1" applyFill="1" applyBorder="1" applyAlignment="1">
      <alignment horizontal="center" vertical="center" wrapText="1"/>
    </xf>
    <xf numFmtId="0" fontId="7" fillId="0" borderId="9" xfId="0" applyFont="1" applyBorder="1" applyAlignment="1">
      <alignment horizontal="center" vertical="center" wrapText="1"/>
    </xf>
    <xf numFmtId="0" fontId="7" fillId="0" borderId="8" xfId="0" applyFont="1" applyBorder="1" applyAlignment="1">
      <alignment horizontal="center" vertical="center" wrapText="1"/>
    </xf>
    <xf numFmtId="5" fontId="28" fillId="0" borderId="10" xfId="0" applyNumberFormat="1" applyFont="1" applyBorder="1" applyAlignment="1" applyProtection="1">
      <alignment horizontal="center" vertical="center" shrinkToFit="1"/>
      <protection locked="0"/>
    </xf>
    <xf numFmtId="5" fontId="28" fillId="0" borderId="9" xfId="0" applyNumberFormat="1" applyFont="1" applyBorder="1" applyAlignment="1" applyProtection="1">
      <alignment horizontal="center" vertical="center" shrinkToFit="1"/>
      <protection locked="0"/>
    </xf>
    <xf numFmtId="5" fontId="28" fillId="0" borderId="8" xfId="0" applyNumberFormat="1" applyFont="1" applyBorder="1" applyAlignment="1" applyProtection="1">
      <alignment horizontal="center" vertical="center" shrinkToFit="1"/>
      <protection locked="0"/>
    </xf>
    <xf numFmtId="5" fontId="28" fillId="0" borderId="2" xfId="0" applyNumberFormat="1" applyFont="1" applyBorder="1" applyAlignment="1" applyProtection="1">
      <alignment horizontal="center" vertical="center" shrinkToFit="1"/>
      <protection locked="0"/>
    </xf>
    <xf numFmtId="0" fontId="29" fillId="9" borderId="9" xfId="0" applyFont="1" applyFill="1" applyBorder="1" applyAlignment="1">
      <alignment horizontal="center" vertical="center" wrapText="1"/>
    </xf>
    <xf numFmtId="0" fontId="15" fillId="5" borderId="10" xfId="0" applyFont="1" applyFill="1" applyBorder="1" applyAlignment="1" applyProtection="1">
      <alignment horizontal="distributed" vertical="center" wrapText="1" indent="1" shrinkToFit="1"/>
      <protection hidden="1"/>
    </xf>
    <xf numFmtId="0" fontId="15" fillId="5" borderId="31" xfId="0" applyFont="1" applyFill="1" applyBorder="1" applyAlignment="1">
      <alignment horizontal="distributed" vertical="center" indent="1" shrinkToFit="1"/>
    </xf>
    <xf numFmtId="0" fontId="7" fillId="0" borderId="32" xfId="0" applyFont="1" applyBorder="1" applyAlignment="1">
      <alignment horizontal="distributed" vertical="center" indent="1" shrinkToFit="1"/>
    </xf>
    <xf numFmtId="0" fontId="7" fillId="0" borderId="33" xfId="0" applyFont="1" applyBorder="1" applyAlignment="1">
      <alignment horizontal="distributed" vertical="center" indent="1" shrinkToFit="1"/>
    </xf>
    <xf numFmtId="0" fontId="15" fillId="5" borderId="40" xfId="0" applyFont="1" applyFill="1" applyBorder="1" applyAlignment="1">
      <alignment horizontal="distributed" vertical="center" indent="1" shrinkToFit="1"/>
    </xf>
    <xf numFmtId="0" fontId="16" fillId="0" borderId="34" xfId="0" applyFont="1" applyBorder="1" applyAlignment="1" applyProtection="1">
      <alignment horizontal="center" vertical="center" shrinkToFit="1"/>
      <protection locked="0"/>
    </xf>
    <xf numFmtId="0" fontId="16" fillId="0" borderId="32" xfId="0" applyFont="1" applyBorder="1" applyAlignment="1" applyProtection="1">
      <alignment horizontal="center" vertical="center" shrinkToFit="1"/>
      <protection locked="0"/>
    </xf>
    <xf numFmtId="0" fontId="16" fillId="0" borderId="35" xfId="0" applyFont="1" applyBorder="1" applyAlignment="1" applyProtection="1">
      <alignment horizontal="center" vertical="center" shrinkToFit="1"/>
      <protection locked="0"/>
    </xf>
    <xf numFmtId="0" fontId="16" fillId="0" borderId="42" xfId="0" applyFont="1" applyBorder="1" applyAlignment="1" applyProtection="1">
      <alignment horizontal="center" vertical="center" shrinkToFit="1"/>
      <protection locked="0"/>
    </xf>
    <xf numFmtId="0" fontId="16" fillId="0" borderId="0" xfId="0" applyFont="1" applyAlignment="1" applyProtection="1">
      <alignment horizontal="center" vertical="center" shrinkToFit="1"/>
      <protection locked="0"/>
    </xf>
    <xf numFmtId="0" fontId="16" fillId="0" borderId="43" xfId="0" applyFont="1" applyBorder="1" applyAlignment="1" applyProtection="1">
      <alignment horizontal="center" vertical="center" shrinkToFit="1"/>
      <protection locked="0"/>
    </xf>
    <xf numFmtId="0" fontId="16" fillId="0" borderId="8" xfId="0" applyFont="1" applyBorder="1" applyAlignment="1" applyProtection="1">
      <alignment horizontal="center" vertical="center" shrinkToFit="1"/>
      <protection locked="0"/>
    </xf>
    <xf numFmtId="0" fontId="16" fillId="0" borderId="1" xfId="0" applyFont="1" applyBorder="1" applyAlignment="1" applyProtection="1">
      <alignment horizontal="center" vertical="center" shrinkToFit="1"/>
      <protection locked="0"/>
    </xf>
    <xf numFmtId="0" fontId="16" fillId="0" borderId="48" xfId="0" applyFont="1" applyBorder="1" applyAlignment="1" applyProtection="1">
      <alignment horizontal="center" vertical="center" shrinkToFit="1"/>
      <protection locked="0"/>
    </xf>
    <xf numFmtId="0" fontId="24" fillId="0" borderId="10" xfId="0" applyFont="1" applyBorder="1" applyAlignment="1" applyProtection="1">
      <alignment horizontal="center" vertical="center" wrapText="1"/>
      <protection hidden="1"/>
    </xf>
    <xf numFmtId="0" fontId="24" fillId="0" borderId="5" xfId="0" applyFont="1" applyBorder="1" applyAlignment="1" applyProtection="1">
      <alignment horizontal="center" vertical="center" wrapText="1"/>
      <protection hidden="1"/>
    </xf>
    <xf numFmtId="0" fontId="24" fillId="0" borderId="9" xfId="0" applyFont="1" applyBorder="1" applyAlignment="1" applyProtection="1">
      <alignment horizontal="center" vertical="center" wrapText="1"/>
      <protection hidden="1"/>
    </xf>
    <xf numFmtId="0" fontId="24" fillId="0" borderId="42" xfId="0" applyFont="1" applyBorder="1" applyAlignment="1" applyProtection="1">
      <alignment horizontal="center" vertical="center" wrapText="1"/>
      <protection hidden="1"/>
    </xf>
    <xf numFmtId="0" fontId="24" fillId="0" borderId="0" xfId="0" applyFont="1" applyAlignment="1" applyProtection="1">
      <alignment horizontal="center" vertical="center" wrapText="1"/>
      <protection hidden="1"/>
    </xf>
    <xf numFmtId="0" fontId="24" fillId="0" borderId="41" xfId="0" applyFont="1" applyBorder="1" applyAlignment="1" applyProtection="1">
      <alignment horizontal="center" vertical="center" wrapText="1"/>
      <protection hidden="1"/>
    </xf>
    <xf numFmtId="0" fontId="18" fillId="8" borderId="3" xfId="0" applyFont="1" applyFill="1" applyBorder="1" applyAlignment="1" applyProtection="1">
      <alignment horizontal="center" vertical="center" wrapText="1"/>
      <protection hidden="1"/>
    </xf>
    <xf numFmtId="0" fontId="18" fillId="8" borderId="4" xfId="0" applyFont="1" applyFill="1" applyBorder="1" applyAlignment="1" applyProtection="1">
      <alignment horizontal="center" vertical="center" wrapText="1"/>
      <protection hidden="1"/>
    </xf>
    <xf numFmtId="0" fontId="18" fillId="8" borderId="47" xfId="0" applyFont="1" applyFill="1" applyBorder="1" applyAlignment="1" applyProtection="1">
      <alignment horizontal="center" vertical="center" wrapText="1"/>
      <protection hidden="1"/>
    </xf>
    <xf numFmtId="0" fontId="7" fillId="0" borderId="40" xfId="0" applyFont="1" applyBorder="1" applyAlignment="1">
      <alignment horizontal="distributed" vertical="center" indent="1" shrinkToFit="1"/>
    </xf>
    <xf numFmtId="0" fontId="22" fillId="0" borderId="10" xfId="0" applyFont="1" applyBorder="1" applyAlignment="1" applyProtection="1">
      <alignment vertical="center" wrapText="1" shrinkToFit="1"/>
      <protection hidden="1"/>
    </xf>
    <xf numFmtId="0" fontId="22" fillId="0" borderId="5" xfId="0" applyFont="1" applyBorder="1" applyAlignment="1" applyProtection="1">
      <alignment vertical="center" wrapText="1" shrinkToFit="1"/>
      <protection hidden="1"/>
    </xf>
    <xf numFmtId="0" fontId="22" fillId="0" borderId="9" xfId="0" applyFont="1" applyBorder="1" applyAlignment="1" applyProtection="1">
      <alignment vertical="center" wrapText="1" shrinkToFit="1"/>
      <protection hidden="1"/>
    </xf>
    <xf numFmtId="0" fontId="22" fillId="0" borderId="42" xfId="0" applyFont="1" applyBorder="1" applyAlignment="1" applyProtection="1">
      <alignment vertical="center" wrapText="1" shrinkToFit="1"/>
      <protection hidden="1"/>
    </xf>
    <xf numFmtId="0" fontId="22" fillId="0" borderId="0" xfId="0" applyFont="1" applyAlignment="1" applyProtection="1">
      <alignment vertical="center" wrapText="1" shrinkToFit="1"/>
      <protection hidden="1"/>
    </xf>
    <xf numFmtId="0" fontId="22" fillId="0" borderId="41" xfId="0" applyFont="1" applyBorder="1" applyAlignment="1" applyProtection="1">
      <alignment vertical="center" wrapText="1" shrinkToFit="1"/>
      <protection hidden="1"/>
    </xf>
    <xf numFmtId="0" fontId="22" fillId="0" borderId="8" xfId="0" applyFont="1" applyBorder="1" applyAlignment="1" applyProtection="1">
      <alignment vertical="center" wrapText="1" shrinkToFit="1"/>
      <protection hidden="1"/>
    </xf>
    <xf numFmtId="0" fontId="22" fillId="0" borderId="1" xfId="0" applyFont="1" applyBorder="1" applyAlignment="1" applyProtection="1">
      <alignment vertical="center" wrapText="1" shrinkToFit="1"/>
      <protection hidden="1"/>
    </xf>
    <xf numFmtId="0" fontId="22" fillId="0" borderId="2" xfId="0" applyFont="1" applyBorder="1" applyAlignment="1" applyProtection="1">
      <alignment vertical="center" wrapText="1" shrinkToFit="1"/>
      <protection hidden="1"/>
    </xf>
    <xf numFmtId="0" fontId="28" fillId="0" borderId="9" xfId="0" applyFont="1" applyBorder="1" applyAlignment="1" applyProtection="1">
      <alignment horizontal="center" vertical="center" shrinkToFit="1"/>
      <protection locked="0"/>
    </xf>
    <xf numFmtId="0" fontId="28" fillId="0" borderId="2" xfId="0" applyFont="1" applyBorder="1" applyAlignment="1" applyProtection="1">
      <alignment horizontal="center" vertical="center" shrinkToFit="1"/>
      <protection locked="0"/>
    </xf>
    <xf numFmtId="0" fontId="29" fillId="5" borderId="10" xfId="0" applyFont="1" applyFill="1" applyBorder="1" applyAlignment="1">
      <alignment horizontal="distributed" vertical="center" wrapText="1" indent="1" shrinkToFit="1"/>
    </xf>
    <xf numFmtId="0" fontId="7" fillId="0" borderId="42" xfId="0" applyFont="1" applyBorder="1" applyAlignment="1">
      <alignment horizontal="center" vertical="center" wrapText="1"/>
    </xf>
    <xf numFmtId="0" fontId="22" fillId="0" borderId="10" xfId="0" quotePrefix="1" applyFont="1" applyBorder="1" applyAlignment="1" applyProtection="1">
      <alignment horizontal="center" vertical="center" shrinkToFit="1"/>
      <protection locked="0"/>
    </xf>
    <xf numFmtId="0" fontId="22" fillId="0" borderId="42" xfId="0" applyFont="1" applyBorder="1" applyAlignment="1" applyProtection="1">
      <alignment horizontal="center" vertical="center" shrinkToFit="1"/>
      <protection locked="0"/>
    </xf>
    <xf numFmtId="0" fontId="30" fillId="0" borderId="41" xfId="0" applyFont="1" applyBorder="1" applyAlignment="1">
      <alignment horizontal="center" vertical="center" shrinkToFit="1"/>
    </xf>
    <xf numFmtId="0" fontId="30" fillId="0" borderId="49" xfId="0" applyFont="1" applyBorder="1" applyAlignment="1">
      <alignment horizontal="center" vertical="center" shrinkToFit="1"/>
    </xf>
    <xf numFmtId="0" fontId="22" fillId="0" borderId="8" xfId="0" applyFont="1" applyBorder="1" applyAlignment="1" applyProtection="1">
      <alignment horizontal="center" vertical="center" shrinkToFit="1"/>
      <protection locked="0"/>
    </xf>
    <xf numFmtId="0" fontId="30" fillId="0" borderId="48" xfId="0" applyFont="1" applyBorder="1" applyAlignment="1">
      <alignment horizontal="center" vertical="center" shrinkToFit="1"/>
    </xf>
    <xf numFmtId="0" fontId="15" fillId="5" borderId="46" xfId="0" applyFont="1" applyFill="1" applyBorder="1" applyAlignment="1">
      <alignment horizontal="distributed" vertical="center" wrapText="1" indent="1" shrinkToFit="1"/>
    </xf>
    <xf numFmtId="0" fontId="7" fillId="0" borderId="45" xfId="0" applyFont="1" applyBorder="1" applyAlignment="1">
      <alignment horizontal="distributed" vertical="center" wrapText="1" indent="1" shrinkToFit="1"/>
    </xf>
    <xf numFmtId="1" fontId="28" fillId="0" borderId="10" xfId="0" applyNumberFormat="1" applyFont="1" applyBorder="1" applyAlignment="1" applyProtection="1">
      <alignment horizontal="center" vertical="center" shrinkToFit="1"/>
      <protection locked="0"/>
    </xf>
    <xf numFmtId="1" fontId="28" fillId="0" borderId="5" xfId="0" applyNumberFormat="1" applyFont="1" applyBorder="1" applyAlignment="1" applyProtection="1">
      <alignment horizontal="center" vertical="center" shrinkToFit="1"/>
      <protection locked="0"/>
    </xf>
    <xf numFmtId="1" fontId="30" fillId="0" borderId="49" xfId="0" applyNumberFormat="1" applyFont="1" applyBorder="1" applyAlignment="1">
      <alignment horizontal="center" vertical="center" shrinkToFit="1"/>
    </xf>
    <xf numFmtId="1" fontId="28" fillId="0" borderId="42" xfId="0" applyNumberFormat="1" applyFont="1" applyBorder="1" applyAlignment="1" applyProtection="1">
      <alignment horizontal="center" vertical="center" shrinkToFit="1"/>
      <protection locked="0"/>
    </xf>
    <xf numFmtId="1" fontId="28" fillId="0" borderId="0" xfId="0" applyNumberFormat="1" applyFont="1" applyAlignment="1" applyProtection="1">
      <alignment horizontal="center" vertical="center" shrinkToFit="1"/>
      <protection locked="0"/>
    </xf>
    <xf numFmtId="1" fontId="30" fillId="0" borderId="43" xfId="0" applyNumberFormat="1" applyFont="1" applyBorder="1" applyAlignment="1">
      <alignment horizontal="center" vertical="center" shrinkToFit="1"/>
    </xf>
    <xf numFmtId="0" fontId="7" fillId="0" borderId="17" xfId="0" applyFont="1" applyBorder="1" applyAlignment="1">
      <alignment horizontal="center" vertical="center"/>
    </xf>
    <xf numFmtId="0" fontId="7" fillId="0" borderId="18" xfId="0" applyFont="1" applyBorder="1" applyAlignment="1">
      <alignment horizontal="center" vertical="center"/>
    </xf>
    <xf numFmtId="0" fontId="7" fillId="0" borderId="19" xfId="0" applyFont="1" applyBorder="1" applyAlignment="1">
      <alignment horizontal="center" vertical="center"/>
    </xf>
    <xf numFmtId="0" fontId="7" fillId="0" borderId="20" xfId="0" applyFont="1" applyBorder="1" applyAlignment="1">
      <alignment horizontal="center" vertical="center"/>
    </xf>
    <xf numFmtId="0" fontId="7" fillId="0" borderId="21" xfId="0" applyFont="1" applyBorder="1" applyAlignment="1">
      <alignment horizontal="center" vertical="center"/>
    </xf>
    <xf numFmtId="0" fontId="7" fillId="0" borderId="22" xfId="0" applyFont="1" applyBorder="1" applyAlignment="1">
      <alignment horizontal="center" vertical="center"/>
    </xf>
    <xf numFmtId="0" fontId="8" fillId="4" borderId="23" xfId="0" applyFont="1" applyFill="1" applyBorder="1" applyAlignment="1">
      <alignment horizontal="center" vertical="center"/>
    </xf>
    <xf numFmtId="0" fontId="8" fillId="4" borderId="24" xfId="0" applyFont="1" applyFill="1" applyBorder="1" applyAlignment="1">
      <alignment horizontal="center" vertical="center"/>
    </xf>
    <xf numFmtId="0" fontId="8" fillId="4" borderId="0" xfId="0" applyFont="1" applyFill="1" applyAlignment="1">
      <alignment horizontal="center" vertical="center"/>
    </xf>
    <xf numFmtId="0" fontId="8" fillId="4" borderId="27" xfId="0" applyFont="1" applyFill="1" applyBorder="1" applyAlignment="1">
      <alignment horizontal="center" vertical="center"/>
    </xf>
    <xf numFmtId="0" fontId="8" fillId="4" borderId="36" xfId="0" applyFont="1" applyFill="1" applyBorder="1" applyAlignment="1">
      <alignment horizontal="center" vertical="center"/>
    </xf>
    <xf numFmtId="0" fontId="8" fillId="4" borderId="37" xfId="0" applyFont="1" applyFill="1" applyBorder="1" applyAlignment="1">
      <alignment horizontal="center" vertical="center"/>
    </xf>
    <xf numFmtId="0" fontId="9" fillId="4" borderId="25" xfId="0" applyFont="1" applyFill="1" applyBorder="1" applyAlignment="1">
      <alignment horizontal="center" vertical="center" textRotation="255"/>
    </xf>
    <xf numFmtId="0" fontId="9" fillId="4" borderId="28" xfId="0" applyFont="1" applyFill="1" applyBorder="1" applyAlignment="1">
      <alignment horizontal="center" vertical="center" textRotation="255"/>
    </xf>
    <xf numFmtId="0" fontId="9" fillId="4" borderId="38" xfId="0" applyFont="1" applyFill="1" applyBorder="1" applyAlignment="1">
      <alignment horizontal="center" vertical="center" textRotation="255"/>
    </xf>
    <xf numFmtId="0" fontId="10" fillId="0" borderId="23" xfId="0" applyFont="1" applyBorder="1" applyAlignment="1">
      <alignment horizontal="right" vertical="center"/>
    </xf>
    <xf numFmtId="0" fontId="10" fillId="0" borderId="0" xfId="0" applyFont="1" applyAlignment="1">
      <alignment horizontal="right" vertical="center"/>
    </xf>
    <xf numFmtId="0" fontId="11" fillId="0" borderId="26" xfId="0" applyFont="1" applyBorder="1" applyAlignment="1">
      <alignment horizontal="center" vertical="center"/>
    </xf>
    <xf numFmtId="0" fontId="11" fillId="0" borderId="29" xfId="0" applyFont="1" applyBorder="1" applyAlignment="1">
      <alignment horizontal="center" vertical="center"/>
    </xf>
    <xf numFmtId="0" fontId="10" fillId="0" borderId="36" xfId="0" applyFont="1" applyBorder="1" applyAlignment="1">
      <alignment horizontal="right" vertical="center"/>
    </xf>
    <xf numFmtId="0" fontId="11" fillId="0" borderId="0" xfId="0" applyFont="1" applyAlignment="1">
      <alignment horizontal="center" vertical="center"/>
    </xf>
    <xf numFmtId="0" fontId="11" fillId="0" borderId="36" xfId="0" applyFont="1" applyBorder="1" applyAlignment="1">
      <alignment horizontal="center" vertical="center"/>
    </xf>
    <xf numFmtId="0" fontId="11" fillId="0" borderId="39" xfId="0" applyFont="1" applyBorder="1" applyAlignment="1">
      <alignment horizontal="center" vertical="center"/>
    </xf>
    <xf numFmtId="0" fontId="16" fillId="0" borderId="34" xfId="0" applyFont="1" applyBorder="1" applyAlignment="1" applyProtection="1">
      <alignment horizontal="center" vertical="center" shrinkToFit="1"/>
      <protection hidden="1"/>
    </xf>
    <xf numFmtId="0" fontId="16" fillId="0" borderId="32" xfId="0" applyFont="1" applyBorder="1" applyAlignment="1" applyProtection="1">
      <alignment horizontal="center" vertical="center" shrinkToFit="1"/>
      <protection hidden="1"/>
    </xf>
    <xf numFmtId="0" fontId="16" fillId="0" borderId="35" xfId="0" applyFont="1" applyBorder="1" applyAlignment="1" applyProtection="1">
      <alignment horizontal="center" vertical="center" shrinkToFit="1"/>
      <protection hidden="1"/>
    </xf>
    <xf numFmtId="0" fontId="16" fillId="0" borderId="42" xfId="0" applyFont="1" applyBorder="1" applyAlignment="1" applyProtection="1">
      <alignment horizontal="center" vertical="center" shrinkToFit="1"/>
      <protection hidden="1"/>
    </xf>
    <xf numFmtId="0" fontId="16" fillId="0" borderId="0" xfId="0" applyFont="1" applyAlignment="1" applyProtection="1">
      <alignment horizontal="center" vertical="center" shrinkToFit="1"/>
      <protection hidden="1"/>
    </xf>
    <xf numFmtId="0" fontId="16" fillId="0" borderId="43" xfId="0" applyFont="1" applyBorder="1" applyAlignment="1" applyProtection="1">
      <alignment horizontal="center" vertical="center" shrinkToFit="1"/>
      <protection hidden="1"/>
    </xf>
    <xf numFmtId="0" fontId="17" fillId="6" borderId="23" xfId="0" applyFont="1" applyFill="1" applyBorder="1" applyAlignment="1">
      <alignment horizontal="right" vertical="center" shrinkToFit="1"/>
    </xf>
    <xf numFmtId="0" fontId="17" fillId="6" borderId="44" xfId="0" applyFont="1" applyFill="1" applyBorder="1" applyAlignment="1">
      <alignment horizontal="right" vertical="center" shrinkToFit="1"/>
    </xf>
    <xf numFmtId="0" fontId="19" fillId="7" borderId="0" xfId="0" applyFont="1" applyFill="1" applyAlignment="1">
      <alignment horizontal="center" vertical="center" wrapText="1"/>
    </xf>
  </cellXfs>
  <cellStyles count="4">
    <cellStyle name="ハイパーリンク" xfId="1" builtinId="8"/>
    <cellStyle name="桁区切り 2" xfId="3" xr:uid="{00000000-0005-0000-0000-000002000000}"/>
    <cellStyle name="標準" xfId="0" builtinId="0"/>
    <cellStyle name="標準 2" xfId="2" xr:uid="{00000000-0005-0000-0000-000004000000}"/>
  </cellStyles>
  <dxfs count="24">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patternType="none">
          <bgColor indexed="65"/>
        </patternFill>
      </fill>
    </dxf>
    <dxf>
      <fill>
        <patternFill patternType="none">
          <bgColor indexed="65"/>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rgb="FFFFFF0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s>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DD0806"/>
      <rgbColor rgb="001FB714"/>
      <rgbColor rgb="000000D4"/>
      <rgbColor rgb="00FCF305"/>
      <rgbColor rgb="00F20884"/>
      <rgbColor rgb="0000ABEA"/>
      <rgbColor rgb="00900000"/>
      <rgbColor rgb="00006411"/>
      <rgbColor rgb="00000090"/>
      <rgbColor rgb="0090713A"/>
      <rgbColor rgb="004600A5"/>
      <rgbColor rgb="00008080"/>
      <rgbColor rgb="00C0C0C0"/>
      <rgbColor rgb="00808080"/>
      <rgbColor rgb="0063AAFE"/>
      <rgbColor rgb="00DD2D32"/>
      <rgbColor rgb="00FFF58C"/>
      <rgbColor rgb="004EE257"/>
      <rgbColor rgb="006711FF"/>
      <rgbColor rgb="00FEA746"/>
      <rgbColor rgb="00865357"/>
      <rgbColor rgb="00A2BD90"/>
      <rgbColor rgb="0063AAFE"/>
      <rgbColor rgb="00DD2D32"/>
      <rgbColor rgb="00FFF58C"/>
      <rgbColor rgb="004EE257"/>
      <rgbColor rgb="006711FF"/>
      <rgbColor rgb="00FEA746"/>
      <rgbColor rgb="00865357"/>
      <rgbColor rgb="00A2BD90"/>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E8E2D0"/>
      <color rgb="FFAC9958"/>
      <color rgb="FFFEE6E7"/>
      <color rgb="FFE60D10"/>
      <color rgb="FFEDF9E7"/>
      <color rgb="FF5CB531"/>
      <color rgb="FFE7F5D7"/>
      <color rgb="FFB0DD7F"/>
      <color rgb="FFE2F3FA"/>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file>

<file path=xl/ctrlProps/ctrlProp10.xml><?xml version="1.0" encoding="utf-8"?>
<formControlPr xmlns="http://schemas.microsoft.com/office/spreadsheetml/2009/9/main" objectType="CheckBox" lockText="1"/>
</file>

<file path=xl/ctrlProps/ctrlProp11.xml><?xml version="1.0" encoding="utf-8"?>
<formControlPr xmlns="http://schemas.microsoft.com/office/spreadsheetml/2009/9/main" objectType="CheckBox" lockText="1"/>
</file>

<file path=xl/ctrlProps/ctrlProp12.xml><?xml version="1.0" encoding="utf-8"?>
<formControlPr xmlns="http://schemas.microsoft.com/office/spreadsheetml/2009/9/main" objectType="CheckBox" lockText="1"/>
</file>

<file path=xl/ctrlProps/ctrlProp13.xml><?xml version="1.0" encoding="utf-8"?>
<formControlPr xmlns="http://schemas.microsoft.com/office/spreadsheetml/2009/9/main" objectType="CheckBox" lockText="1"/>
</file>

<file path=xl/ctrlProps/ctrlProp14.xml><?xml version="1.0" encoding="utf-8"?>
<formControlPr xmlns="http://schemas.microsoft.com/office/spreadsheetml/2009/9/main" objectType="CheckBox" lockText="1"/>
</file>

<file path=xl/ctrlProps/ctrlProp15.xml><?xml version="1.0" encoding="utf-8"?>
<formControlPr xmlns="http://schemas.microsoft.com/office/spreadsheetml/2009/9/main" objectType="CheckBox" lockText="1"/>
</file>

<file path=xl/ctrlProps/ctrlProp16.xml><?xml version="1.0" encoding="utf-8"?>
<formControlPr xmlns="http://schemas.microsoft.com/office/spreadsheetml/2009/9/main" objectType="CheckBox" lockText="1"/>
</file>

<file path=xl/ctrlProps/ctrlProp17.xml><?xml version="1.0" encoding="utf-8"?>
<formControlPr xmlns="http://schemas.microsoft.com/office/spreadsheetml/2009/9/main" objectType="CheckBox" lockText="1"/>
</file>

<file path=xl/ctrlProps/ctrlProp18.xml><?xml version="1.0" encoding="utf-8"?>
<formControlPr xmlns="http://schemas.microsoft.com/office/spreadsheetml/2009/9/main" objectType="CheckBox" lockText="1"/>
</file>

<file path=xl/ctrlProps/ctrlProp19.xml><?xml version="1.0" encoding="utf-8"?>
<formControlPr xmlns="http://schemas.microsoft.com/office/spreadsheetml/2009/9/main" objectType="CheckBox" lockText="1"/>
</file>

<file path=xl/ctrlProps/ctrlProp2.xml><?xml version="1.0" encoding="utf-8"?>
<formControlPr xmlns="http://schemas.microsoft.com/office/spreadsheetml/2009/9/main" objectType="CheckBox" lockText="1"/>
</file>

<file path=xl/ctrlProps/ctrlProp20.xml><?xml version="1.0" encoding="utf-8"?>
<formControlPr xmlns="http://schemas.microsoft.com/office/spreadsheetml/2009/9/main" objectType="CheckBox" lockText="1"/>
</file>

<file path=xl/ctrlProps/ctrlProp21.xml><?xml version="1.0" encoding="utf-8"?>
<formControlPr xmlns="http://schemas.microsoft.com/office/spreadsheetml/2009/9/main" objectType="CheckBox" lockText="1"/>
</file>

<file path=xl/ctrlProps/ctrlProp22.xml><?xml version="1.0" encoding="utf-8"?>
<formControlPr xmlns="http://schemas.microsoft.com/office/spreadsheetml/2009/9/main" objectType="CheckBox" lockText="1"/>
</file>

<file path=xl/ctrlProps/ctrlProp23.xml><?xml version="1.0" encoding="utf-8"?>
<formControlPr xmlns="http://schemas.microsoft.com/office/spreadsheetml/2009/9/main" objectType="CheckBox" lockText="1"/>
</file>

<file path=xl/ctrlProps/ctrlProp24.xml><?xml version="1.0" encoding="utf-8"?>
<formControlPr xmlns="http://schemas.microsoft.com/office/spreadsheetml/2009/9/main" objectType="CheckBox" lockText="1"/>
</file>

<file path=xl/ctrlProps/ctrlProp25.xml><?xml version="1.0" encoding="utf-8"?>
<formControlPr xmlns="http://schemas.microsoft.com/office/spreadsheetml/2009/9/main" objectType="CheckBox" lockText="1"/>
</file>

<file path=xl/ctrlProps/ctrlProp26.xml><?xml version="1.0" encoding="utf-8"?>
<formControlPr xmlns="http://schemas.microsoft.com/office/spreadsheetml/2009/9/main" objectType="CheckBox" lockText="1"/>
</file>

<file path=xl/ctrlProps/ctrlProp27.xml><?xml version="1.0" encoding="utf-8"?>
<formControlPr xmlns="http://schemas.microsoft.com/office/spreadsheetml/2009/9/main" objectType="CheckBox" lockText="1"/>
</file>

<file path=xl/ctrlProps/ctrlProp28.xml><?xml version="1.0" encoding="utf-8"?>
<formControlPr xmlns="http://schemas.microsoft.com/office/spreadsheetml/2009/9/main" objectType="CheckBox" lockText="1"/>
</file>

<file path=xl/ctrlProps/ctrlProp29.xml><?xml version="1.0" encoding="utf-8"?>
<formControlPr xmlns="http://schemas.microsoft.com/office/spreadsheetml/2009/9/main" objectType="CheckBox" lockText="1"/>
</file>

<file path=xl/ctrlProps/ctrlProp3.xml><?xml version="1.0" encoding="utf-8"?>
<formControlPr xmlns="http://schemas.microsoft.com/office/spreadsheetml/2009/9/main" objectType="CheckBox" lockText="1"/>
</file>

<file path=xl/ctrlProps/ctrlProp30.xml><?xml version="1.0" encoding="utf-8"?>
<formControlPr xmlns="http://schemas.microsoft.com/office/spreadsheetml/2009/9/main" objectType="CheckBox" lockText="1"/>
</file>

<file path=xl/ctrlProps/ctrlProp31.xml><?xml version="1.0" encoding="utf-8"?>
<formControlPr xmlns="http://schemas.microsoft.com/office/spreadsheetml/2009/9/main" objectType="CheckBox" fmlaLink="$A$22" lockText="1"/>
</file>

<file path=xl/ctrlProps/ctrlProp32.xml><?xml version="1.0" encoding="utf-8"?>
<formControlPr xmlns="http://schemas.microsoft.com/office/spreadsheetml/2009/9/main" objectType="CheckBox" lockText="1"/>
</file>

<file path=xl/ctrlProps/ctrlProp33.xml><?xml version="1.0" encoding="utf-8"?>
<formControlPr xmlns="http://schemas.microsoft.com/office/spreadsheetml/2009/9/main" objectType="CheckBox" lockText="1"/>
</file>

<file path=xl/ctrlProps/ctrlProp34.xml><?xml version="1.0" encoding="utf-8"?>
<formControlPr xmlns="http://schemas.microsoft.com/office/spreadsheetml/2009/9/main" objectType="CheckBox" lockText="1"/>
</file>

<file path=xl/ctrlProps/ctrlProp35.xml><?xml version="1.0" encoding="utf-8"?>
<formControlPr xmlns="http://schemas.microsoft.com/office/spreadsheetml/2009/9/main" objectType="CheckBox" lockText="1"/>
</file>

<file path=xl/ctrlProps/ctrlProp36.xml><?xml version="1.0" encoding="utf-8"?>
<formControlPr xmlns="http://schemas.microsoft.com/office/spreadsheetml/2009/9/main" objectType="CheckBox" lockText="1"/>
</file>

<file path=xl/ctrlProps/ctrlProp37.xml><?xml version="1.0" encoding="utf-8"?>
<formControlPr xmlns="http://schemas.microsoft.com/office/spreadsheetml/2009/9/main" objectType="CheckBox" fmlaLink="$A$27" lockText="1"/>
</file>

<file path=xl/ctrlProps/ctrlProp38.xml><?xml version="1.0" encoding="utf-8"?>
<formControlPr xmlns="http://schemas.microsoft.com/office/spreadsheetml/2009/9/main" objectType="Drop" dropLines="6" dropStyle="combo" dx="22" fmlaLink="$A$10" fmlaRange="$A$15:$A$20" sel="1" val="0"/>
</file>

<file path=xl/ctrlProps/ctrlProp39.xml><?xml version="1.0" encoding="utf-8"?>
<formControlPr xmlns="http://schemas.microsoft.com/office/spreadsheetml/2009/9/main" objectType="CheckBox" lockText="1"/>
</file>

<file path=xl/ctrlProps/ctrlProp4.xml><?xml version="1.0" encoding="utf-8"?>
<formControlPr xmlns="http://schemas.microsoft.com/office/spreadsheetml/2009/9/main" objectType="CheckBox" lockText="1"/>
</file>

<file path=xl/ctrlProps/ctrlProp40.xml><?xml version="1.0" encoding="utf-8"?>
<formControlPr xmlns="http://schemas.microsoft.com/office/spreadsheetml/2009/9/main" objectType="Radio" firstButton="1" fmlaLink="$A$55" lockText="1" noThreeD="1"/>
</file>

<file path=xl/ctrlProps/ctrlProp41.xml><?xml version="1.0" encoding="utf-8"?>
<formControlPr xmlns="http://schemas.microsoft.com/office/spreadsheetml/2009/9/main" objectType="Radio" lockText="1" noThreeD="1"/>
</file>

<file path=xl/ctrlProps/ctrlProp42.xml><?xml version="1.0" encoding="utf-8"?>
<formControlPr xmlns="http://schemas.microsoft.com/office/spreadsheetml/2009/9/main" objectType="CheckBox" lockText="1"/>
</file>

<file path=xl/ctrlProps/ctrlProp43.xml><?xml version="1.0" encoding="utf-8"?>
<formControlPr xmlns="http://schemas.microsoft.com/office/spreadsheetml/2009/9/main" objectType="CheckBox" lockText="1"/>
</file>

<file path=xl/ctrlProps/ctrlProp44.xml><?xml version="1.0" encoding="utf-8"?>
<formControlPr xmlns="http://schemas.microsoft.com/office/spreadsheetml/2009/9/main" objectType="CheckBox" lockText="1"/>
</file>

<file path=xl/ctrlProps/ctrlProp45.xml><?xml version="1.0" encoding="utf-8"?>
<formControlPr xmlns="http://schemas.microsoft.com/office/spreadsheetml/2009/9/main" objectType="Radio" firstButton="1" lockText="1" noThreeD="1"/>
</file>

<file path=xl/ctrlProps/ctrlProp46.xml><?xml version="1.0" encoding="utf-8"?>
<formControlPr xmlns="http://schemas.microsoft.com/office/spreadsheetml/2009/9/main" objectType="Radio" lockText="1" noThreeD="1"/>
</file>

<file path=xl/ctrlProps/ctrlProp47.xml><?xml version="1.0" encoding="utf-8"?>
<formControlPr xmlns="http://schemas.microsoft.com/office/spreadsheetml/2009/9/main" objectType="CheckBox" lockText="1"/>
</file>

<file path=xl/ctrlProps/ctrlProp48.xml><?xml version="1.0" encoding="utf-8"?>
<formControlPr xmlns="http://schemas.microsoft.com/office/spreadsheetml/2009/9/main" objectType="CheckBox" lockText="1"/>
</file>

<file path=xl/ctrlProps/ctrlProp49.xml><?xml version="1.0" encoding="utf-8"?>
<formControlPr xmlns="http://schemas.microsoft.com/office/spreadsheetml/2009/9/main" objectType="GBox" noThreeD="1"/>
</file>

<file path=xl/ctrlProps/ctrlProp5.xml><?xml version="1.0" encoding="utf-8"?>
<formControlPr xmlns="http://schemas.microsoft.com/office/spreadsheetml/2009/9/main" objectType="CheckBox" lockText="1"/>
</file>

<file path=xl/ctrlProps/ctrlProp50.xml><?xml version="1.0" encoding="utf-8"?>
<formControlPr xmlns="http://schemas.microsoft.com/office/spreadsheetml/2009/9/main" objectType="GBox" noThreeD="1"/>
</file>

<file path=xl/ctrlProps/ctrlProp51.xml><?xml version="1.0" encoding="utf-8"?>
<formControlPr xmlns="http://schemas.microsoft.com/office/spreadsheetml/2009/9/main" objectType="CheckBox" lockText="1"/>
</file>

<file path=xl/ctrlProps/ctrlProp6.xml><?xml version="1.0" encoding="utf-8"?>
<formControlPr xmlns="http://schemas.microsoft.com/office/spreadsheetml/2009/9/main" objectType="CheckBox" lockText="1"/>
</file>

<file path=xl/ctrlProps/ctrlProp7.xml><?xml version="1.0" encoding="utf-8"?>
<formControlPr xmlns="http://schemas.microsoft.com/office/spreadsheetml/2009/9/main" objectType="CheckBox" lockText="1"/>
</file>

<file path=xl/ctrlProps/ctrlProp8.xml><?xml version="1.0" encoding="utf-8"?>
<formControlPr xmlns="http://schemas.microsoft.com/office/spreadsheetml/2009/9/main" objectType="CheckBox" lockText="1"/>
</file>

<file path=xl/ctrlProps/ctrlProp9.xml><?xml version="1.0" encoding="utf-8"?>
<formControlPr xmlns="http://schemas.microsoft.com/office/spreadsheetml/2009/9/main" objectType="CheckBox" lockText="1"/>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21</xdr:col>
      <xdr:colOff>215088</xdr:colOff>
      <xdr:row>29</xdr:row>
      <xdr:rowOff>174114</xdr:rowOff>
    </xdr:from>
    <xdr:to>
      <xdr:col>29</xdr:col>
      <xdr:colOff>10255</xdr:colOff>
      <xdr:row>31</xdr:row>
      <xdr:rowOff>51209</xdr:rowOff>
    </xdr:to>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7482663" y="6003414"/>
          <a:ext cx="2690767" cy="25809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　　　　　　　　　　　　　　　　　　　　　　　）</a:t>
          </a:r>
        </a:p>
      </xdr:txBody>
    </xdr:sp>
    <xdr:clientData/>
  </xdr:twoCellAnchor>
  <xdr:oneCellAnchor>
    <xdr:from>
      <xdr:col>16</xdr:col>
      <xdr:colOff>542925</xdr:colOff>
      <xdr:row>47</xdr:row>
      <xdr:rowOff>704850</xdr:rowOff>
    </xdr:from>
    <xdr:ext cx="184731" cy="274009"/>
    <xdr:sp macro="" textlink="">
      <xdr:nvSpPr>
        <xdr:cNvPr id="3" name="テキスト ボックス 2">
          <a:extLst>
            <a:ext uri="{FF2B5EF4-FFF2-40B4-BE49-F238E27FC236}">
              <a16:creationId xmlns:a16="http://schemas.microsoft.com/office/drawing/2014/main" id="{00000000-0008-0000-0100-000003000000}"/>
            </a:ext>
          </a:extLst>
        </xdr:cNvPr>
        <xdr:cNvSpPr txBox="1"/>
      </xdr:nvSpPr>
      <xdr:spPr>
        <a:xfrm>
          <a:off x="5762625" y="9601200"/>
          <a:ext cx="184731" cy="274009"/>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twoCellAnchor editAs="oneCell">
    <xdr:from>
      <xdr:col>1</xdr:col>
      <xdr:colOff>260815</xdr:colOff>
      <xdr:row>26</xdr:row>
      <xdr:rowOff>53704</xdr:rowOff>
    </xdr:from>
    <xdr:to>
      <xdr:col>1</xdr:col>
      <xdr:colOff>504130</xdr:colOff>
      <xdr:row>27</xdr:row>
      <xdr:rowOff>126200</xdr:rowOff>
    </xdr:to>
    <xdr:sp macro="" textlink="">
      <xdr:nvSpPr>
        <xdr:cNvPr id="4" name="円/楕円 42">
          <a:extLst>
            <a:ext uri="{FF2B5EF4-FFF2-40B4-BE49-F238E27FC236}">
              <a16:creationId xmlns:a16="http://schemas.microsoft.com/office/drawing/2014/main" id="{00000000-0008-0000-0100-000004000000}"/>
            </a:ext>
          </a:extLst>
        </xdr:cNvPr>
        <xdr:cNvSpPr/>
      </xdr:nvSpPr>
      <xdr:spPr>
        <a:xfrm>
          <a:off x="260815" y="5273404"/>
          <a:ext cx="243315" cy="243946"/>
        </a:xfrm>
        <a:prstGeom prst="ellipse">
          <a:avLst/>
        </a:prstGeom>
        <a:solidFill>
          <a:srgbClr val="C8FDB5"/>
        </a:solidFill>
        <a:ln>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clientData/>
  </xdr:twoCellAnchor>
  <xdr:twoCellAnchor editAs="oneCell">
    <xdr:from>
      <xdr:col>1</xdr:col>
      <xdr:colOff>267620</xdr:colOff>
      <xdr:row>37</xdr:row>
      <xdr:rowOff>48669</xdr:rowOff>
    </xdr:from>
    <xdr:to>
      <xdr:col>1</xdr:col>
      <xdr:colOff>474567</xdr:colOff>
      <xdr:row>38</xdr:row>
      <xdr:rowOff>132693</xdr:rowOff>
    </xdr:to>
    <xdr:sp macro="" textlink="">
      <xdr:nvSpPr>
        <xdr:cNvPr id="5" name="二等辺三角形 4">
          <a:extLst>
            <a:ext uri="{FF2B5EF4-FFF2-40B4-BE49-F238E27FC236}">
              <a16:creationId xmlns:a16="http://schemas.microsoft.com/office/drawing/2014/main" id="{00000000-0008-0000-0100-000005000000}"/>
            </a:ext>
          </a:extLst>
        </xdr:cNvPr>
        <xdr:cNvSpPr/>
      </xdr:nvSpPr>
      <xdr:spPr>
        <a:xfrm rot="16200000">
          <a:off x="243357" y="7426232"/>
          <a:ext cx="255474" cy="206947"/>
        </a:xfrm>
        <a:prstGeom prst="triangle">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clientData/>
  </xdr:twoCellAnchor>
  <xdr:twoCellAnchor editAs="oneCell">
    <xdr:from>
      <xdr:col>1</xdr:col>
      <xdr:colOff>230275</xdr:colOff>
      <xdr:row>47</xdr:row>
      <xdr:rowOff>158699</xdr:rowOff>
    </xdr:from>
    <xdr:to>
      <xdr:col>1</xdr:col>
      <xdr:colOff>473590</xdr:colOff>
      <xdr:row>49</xdr:row>
      <xdr:rowOff>65263</xdr:rowOff>
    </xdr:to>
    <xdr:sp macro="" textlink="">
      <xdr:nvSpPr>
        <xdr:cNvPr id="6" name="円/楕円 44">
          <a:extLst>
            <a:ext uri="{FF2B5EF4-FFF2-40B4-BE49-F238E27FC236}">
              <a16:creationId xmlns:a16="http://schemas.microsoft.com/office/drawing/2014/main" id="{00000000-0008-0000-0100-000006000000}"/>
            </a:ext>
          </a:extLst>
        </xdr:cNvPr>
        <xdr:cNvSpPr/>
      </xdr:nvSpPr>
      <xdr:spPr>
        <a:xfrm>
          <a:off x="230275" y="9569399"/>
          <a:ext cx="243315" cy="249464"/>
        </a:xfrm>
        <a:prstGeom prst="ellipse">
          <a:avLst/>
        </a:prstGeom>
        <a:solidFill>
          <a:srgbClr val="C8FDB5"/>
        </a:solidFill>
        <a:ln>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clientData/>
  </xdr:twoCellAnchor>
  <xdr:twoCellAnchor>
    <xdr:from>
      <xdr:col>24</xdr:col>
      <xdr:colOff>333375</xdr:colOff>
      <xdr:row>2</xdr:row>
      <xdr:rowOff>123825</xdr:rowOff>
    </xdr:from>
    <xdr:to>
      <xdr:col>28</xdr:col>
      <xdr:colOff>57150</xdr:colOff>
      <xdr:row>5</xdr:row>
      <xdr:rowOff>161925</xdr:rowOff>
    </xdr:to>
    <xdr:pic>
      <xdr:nvPicPr>
        <xdr:cNvPr id="7" name="Picture 4" descr="FCPロゴ">
          <a:extLst>
            <a:ext uri="{FF2B5EF4-FFF2-40B4-BE49-F238E27FC236}">
              <a16:creationId xmlns:a16="http://schemas.microsoft.com/office/drawing/2014/main" id="{00000000-0008-0000-0100-000007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686800" y="504825"/>
          <a:ext cx="1171575" cy="609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oneCellAnchor>
    <xdr:from>
      <xdr:col>21</xdr:col>
      <xdr:colOff>148167</xdr:colOff>
      <xdr:row>75</xdr:row>
      <xdr:rowOff>169333</xdr:rowOff>
    </xdr:from>
    <xdr:ext cx="184731" cy="264560"/>
    <xdr:sp macro="" textlink="">
      <xdr:nvSpPr>
        <xdr:cNvPr id="8" name="テキスト ボックス 7">
          <a:extLst>
            <a:ext uri="{FF2B5EF4-FFF2-40B4-BE49-F238E27FC236}">
              <a16:creationId xmlns:a16="http://schemas.microsoft.com/office/drawing/2014/main" id="{00000000-0008-0000-0100-000008000000}"/>
            </a:ext>
          </a:extLst>
        </xdr:cNvPr>
        <xdr:cNvSpPr txBox="1"/>
      </xdr:nvSpPr>
      <xdr:spPr>
        <a:xfrm>
          <a:off x="7415742" y="14971183"/>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ja-JP" altLang="en-US"/>
        </a:p>
      </xdr:txBody>
    </xdr:sp>
    <xdr:clientData/>
  </xdr:oneCellAnchor>
  <mc:AlternateContent xmlns:mc="http://schemas.openxmlformats.org/markup-compatibility/2006">
    <mc:Choice xmlns:a14="http://schemas.microsoft.com/office/drawing/2010/main" Requires="a14">
      <xdr:twoCellAnchor>
        <xdr:from>
          <xdr:col>19</xdr:col>
          <xdr:colOff>50800</xdr:colOff>
          <xdr:row>65</xdr:row>
          <xdr:rowOff>0</xdr:rowOff>
        </xdr:from>
        <xdr:to>
          <xdr:col>20</xdr:col>
          <xdr:colOff>254000</xdr:colOff>
          <xdr:row>66</xdr:row>
          <xdr:rowOff>2540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100-000001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えび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342900</xdr:colOff>
          <xdr:row>65</xdr:row>
          <xdr:rowOff>0</xdr:rowOff>
        </xdr:from>
        <xdr:to>
          <xdr:col>22</xdr:col>
          <xdr:colOff>241300</xdr:colOff>
          <xdr:row>66</xdr:row>
          <xdr:rowOff>25400</xdr:rowOff>
        </xdr:to>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0100-000002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かに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336550</xdr:colOff>
          <xdr:row>65</xdr:row>
          <xdr:rowOff>0</xdr:rowOff>
        </xdr:from>
        <xdr:to>
          <xdr:col>24</xdr:col>
          <xdr:colOff>279400</xdr:colOff>
          <xdr:row>66</xdr:row>
          <xdr:rowOff>25400</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100-000003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小麦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12700</xdr:colOff>
          <xdr:row>65</xdr:row>
          <xdr:rowOff>0</xdr:rowOff>
        </xdr:from>
        <xdr:to>
          <xdr:col>26</xdr:col>
          <xdr:colOff>330200</xdr:colOff>
          <xdr:row>66</xdr:row>
          <xdr:rowOff>12700</xdr:rowOff>
        </xdr:to>
        <xdr:sp macro="" textlink="">
          <xdr:nvSpPr>
            <xdr:cNvPr id="2052" name="Check Box 4" hidden="1">
              <a:extLst>
                <a:ext uri="{63B3BB69-23CF-44E3-9099-C40C66FF867C}">
                  <a14:compatExt spid="_x0000_s2052"/>
                </a:ext>
                <a:ext uri="{FF2B5EF4-FFF2-40B4-BE49-F238E27FC236}">
                  <a16:creationId xmlns:a16="http://schemas.microsoft.com/office/drawing/2014/main" id="{00000000-0008-0000-0100-000004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そば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01600</xdr:colOff>
          <xdr:row>65</xdr:row>
          <xdr:rowOff>0</xdr:rowOff>
        </xdr:from>
        <xdr:to>
          <xdr:col>28</xdr:col>
          <xdr:colOff>355600</xdr:colOff>
          <xdr:row>66</xdr:row>
          <xdr:rowOff>25400</xdr:rowOff>
        </xdr:to>
        <xdr:sp macro="" textlink="">
          <xdr:nvSpPr>
            <xdr:cNvPr id="2053" name="Check Box 5" hidden="1">
              <a:extLst>
                <a:ext uri="{63B3BB69-23CF-44E3-9099-C40C66FF867C}">
                  <a14:compatExt spid="_x0000_s2053"/>
                </a:ext>
                <a:ext uri="{FF2B5EF4-FFF2-40B4-BE49-F238E27FC236}">
                  <a16:creationId xmlns:a16="http://schemas.microsoft.com/office/drawing/2014/main" id="{00000000-0008-0000-0100-000005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卵</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50800</xdr:colOff>
          <xdr:row>65</xdr:row>
          <xdr:rowOff>177800</xdr:rowOff>
        </xdr:from>
        <xdr:to>
          <xdr:col>20</xdr:col>
          <xdr:colOff>127000</xdr:colOff>
          <xdr:row>66</xdr:row>
          <xdr:rowOff>146050</xdr:rowOff>
        </xdr:to>
        <xdr:sp macro="" textlink="">
          <xdr:nvSpPr>
            <xdr:cNvPr id="2054" name="Check Box 6" hidden="1">
              <a:extLst>
                <a:ext uri="{63B3BB69-23CF-44E3-9099-C40C66FF867C}">
                  <a14:compatExt spid="_x0000_s2054"/>
                </a:ext>
                <a:ext uri="{FF2B5EF4-FFF2-40B4-BE49-F238E27FC236}">
                  <a16:creationId xmlns:a16="http://schemas.microsoft.com/office/drawing/2014/main" id="{00000000-0008-0000-0100-000006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乳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84150</xdr:colOff>
          <xdr:row>65</xdr:row>
          <xdr:rowOff>177800</xdr:rowOff>
        </xdr:from>
        <xdr:to>
          <xdr:col>22</xdr:col>
          <xdr:colOff>165100</xdr:colOff>
          <xdr:row>67</xdr:row>
          <xdr:rowOff>0</xdr:rowOff>
        </xdr:to>
        <xdr:sp macro="" textlink="">
          <xdr:nvSpPr>
            <xdr:cNvPr id="2055" name="Check Box 7" hidden="1">
              <a:extLst>
                <a:ext uri="{63B3BB69-23CF-44E3-9099-C40C66FF867C}">
                  <a14:compatExt spid="_x0000_s2055"/>
                </a:ext>
                <a:ext uri="{FF2B5EF4-FFF2-40B4-BE49-F238E27FC236}">
                  <a16:creationId xmlns:a16="http://schemas.microsoft.com/office/drawing/2014/main" id="{00000000-0008-0000-0100-000007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落花生</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65100</xdr:colOff>
          <xdr:row>69</xdr:row>
          <xdr:rowOff>165100</xdr:rowOff>
        </xdr:from>
        <xdr:to>
          <xdr:col>22</xdr:col>
          <xdr:colOff>114300</xdr:colOff>
          <xdr:row>71</xdr:row>
          <xdr:rowOff>0</xdr:rowOff>
        </xdr:to>
        <xdr:sp macro="" textlink="">
          <xdr:nvSpPr>
            <xdr:cNvPr id="2056" name="Check Box 8" hidden="1">
              <a:extLst>
                <a:ext uri="{63B3BB69-23CF-44E3-9099-C40C66FF867C}">
                  <a14:compatExt spid="_x0000_s2056"/>
                </a:ext>
                <a:ext uri="{FF2B5EF4-FFF2-40B4-BE49-F238E27FC236}">
                  <a16:creationId xmlns:a16="http://schemas.microsoft.com/office/drawing/2014/main" id="{00000000-0008-0000-0100-000008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やまいも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52400</xdr:colOff>
          <xdr:row>69</xdr:row>
          <xdr:rowOff>12700</xdr:rowOff>
        </xdr:from>
        <xdr:to>
          <xdr:col>21</xdr:col>
          <xdr:colOff>336550</xdr:colOff>
          <xdr:row>69</xdr:row>
          <xdr:rowOff>184150</xdr:rowOff>
        </xdr:to>
        <xdr:sp macro="" textlink="">
          <xdr:nvSpPr>
            <xdr:cNvPr id="2057" name="Check Box 9" hidden="1">
              <a:extLst>
                <a:ext uri="{63B3BB69-23CF-44E3-9099-C40C66FF867C}">
                  <a14:compatExt spid="_x0000_s2057"/>
                </a:ext>
                <a:ext uri="{FF2B5EF4-FFF2-40B4-BE49-F238E27FC236}">
                  <a16:creationId xmlns:a16="http://schemas.microsoft.com/office/drawing/2014/main" id="{00000000-0008-0000-0100-000009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大豆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3</xdr:col>
          <xdr:colOff>266700</xdr:colOff>
          <xdr:row>67</xdr:row>
          <xdr:rowOff>184150</xdr:rowOff>
        </xdr:from>
        <xdr:to>
          <xdr:col>25</xdr:col>
          <xdr:colOff>203200</xdr:colOff>
          <xdr:row>69</xdr:row>
          <xdr:rowOff>12700</xdr:rowOff>
        </xdr:to>
        <xdr:sp macro="" textlink="">
          <xdr:nvSpPr>
            <xdr:cNvPr id="2058" name="Check Box 10" hidden="1">
              <a:extLst>
                <a:ext uri="{63B3BB69-23CF-44E3-9099-C40C66FF867C}">
                  <a14:compatExt spid="_x0000_s2058"/>
                </a:ext>
                <a:ext uri="{FF2B5EF4-FFF2-40B4-BE49-F238E27FC236}">
                  <a16:creationId xmlns:a16="http://schemas.microsoft.com/office/drawing/2014/main" id="{00000000-0008-0000-0100-00000A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くるみ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50800</xdr:colOff>
          <xdr:row>67</xdr:row>
          <xdr:rowOff>184150</xdr:rowOff>
        </xdr:from>
        <xdr:to>
          <xdr:col>21</xdr:col>
          <xdr:colOff>355600</xdr:colOff>
          <xdr:row>69</xdr:row>
          <xdr:rowOff>25400</xdr:rowOff>
        </xdr:to>
        <xdr:sp macro="" textlink="">
          <xdr:nvSpPr>
            <xdr:cNvPr id="2059" name="Check Box 11" hidden="1">
              <a:extLst>
                <a:ext uri="{63B3BB69-23CF-44E3-9099-C40C66FF867C}">
                  <a14:compatExt spid="_x0000_s2059"/>
                </a:ext>
                <a:ext uri="{FF2B5EF4-FFF2-40B4-BE49-F238E27FC236}">
                  <a16:creationId xmlns:a16="http://schemas.microsoft.com/office/drawing/2014/main" id="{00000000-0008-0000-0100-00000B080000}"/>
                </a:ext>
              </a:extLst>
            </xdr:cNvPr>
            <xdr:cNvSpPr/>
          </xdr:nvSpPr>
          <xdr:spPr bwMode="auto">
            <a:xfrm>
              <a:off x="0" y="0"/>
              <a:ext cx="0" cy="0"/>
            </a:xfrm>
            <a:prstGeom prst="rect">
              <a:avLst/>
            </a:prstGeom>
            <a:noFill/>
            <a:ln>
              <a:noFill/>
            </a:ln>
            <a:extLst>
              <a:ext uri="{909E8E84-426E-40DD-AFC4-6F175D3DCCD1}">
                <a14:hiddenFill>
                  <a:solidFill>
                    <a:srgbClr val="3366FF" mc:Ignorable="a14" a14:legacySpreadsheetColorIndex="48"/>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キウイフルーツ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3</xdr:col>
          <xdr:colOff>260350</xdr:colOff>
          <xdr:row>69</xdr:row>
          <xdr:rowOff>0</xdr:rowOff>
        </xdr:from>
        <xdr:to>
          <xdr:col>25</xdr:col>
          <xdr:colOff>127000</xdr:colOff>
          <xdr:row>70</xdr:row>
          <xdr:rowOff>12700</xdr:rowOff>
        </xdr:to>
        <xdr:sp macro="" textlink="">
          <xdr:nvSpPr>
            <xdr:cNvPr id="2060" name="Check Box 12" hidden="1">
              <a:extLst>
                <a:ext uri="{63B3BB69-23CF-44E3-9099-C40C66FF867C}">
                  <a14:compatExt spid="_x0000_s2060"/>
                </a:ext>
                <a:ext uri="{FF2B5EF4-FFF2-40B4-BE49-F238E27FC236}">
                  <a16:creationId xmlns:a16="http://schemas.microsoft.com/office/drawing/2014/main" id="{00000000-0008-0000-0100-00000C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バナナ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50800</xdr:colOff>
          <xdr:row>68</xdr:row>
          <xdr:rowOff>184150</xdr:rowOff>
        </xdr:from>
        <xdr:to>
          <xdr:col>20</xdr:col>
          <xdr:colOff>146050</xdr:colOff>
          <xdr:row>70</xdr:row>
          <xdr:rowOff>0</xdr:rowOff>
        </xdr:to>
        <xdr:sp macro="" textlink="">
          <xdr:nvSpPr>
            <xdr:cNvPr id="2061" name="Check Box 13" hidden="1">
              <a:extLst>
                <a:ext uri="{63B3BB69-23CF-44E3-9099-C40C66FF867C}">
                  <a14:compatExt spid="_x0000_s2061"/>
                </a:ext>
                <a:ext uri="{FF2B5EF4-FFF2-40B4-BE49-F238E27FC236}">
                  <a16:creationId xmlns:a16="http://schemas.microsoft.com/office/drawing/2014/main" id="{00000000-0008-0000-0100-00000D080000}"/>
                </a:ext>
              </a:extLst>
            </xdr:cNvPr>
            <xdr:cNvSpPr/>
          </xdr:nvSpPr>
          <xdr:spPr bwMode="auto">
            <a:xfrm>
              <a:off x="0" y="0"/>
              <a:ext cx="0" cy="0"/>
            </a:xfrm>
            <a:prstGeom prst="rect">
              <a:avLst/>
            </a:prstGeom>
            <a:noFill/>
            <a:ln>
              <a:noFill/>
            </a:ln>
            <a:extLst>
              <a:ext uri="{909E8E84-426E-40DD-AFC4-6F175D3DCCD1}">
                <a14:hiddenFill>
                  <a:solidFill>
                    <a:srgbClr val="008080" mc:Ignorable="a14" a14:legacySpreadsheetColorIndex="21"/>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さば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50800</xdr:colOff>
          <xdr:row>69</xdr:row>
          <xdr:rowOff>184150</xdr:rowOff>
        </xdr:from>
        <xdr:to>
          <xdr:col>20</xdr:col>
          <xdr:colOff>165100</xdr:colOff>
          <xdr:row>70</xdr:row>
          <xdr:rowOff>184150</xdr:rowOff>
        </xdr:to>
        <xdr:sp macro="" textlink="">
          <xdr:nvSpPr>
            <xdr:cNvPr id="2062" name="Check Box 14" hidden="1">
              <a:extLst>
                <a:ext uri="{63B3BB69-23CF-44E3-9099-C40C66FF867C}">
                  <a14:compatExt spid="_x0000_s2062"/>
                </a:ext>
                <a:ext uri="{FF2B5EF4-FFF2-40B4-BE49-F238E27FC236}">
                  <a16:creationId xmlns:a16="http://schemas.microsoft.com/office/drawing/2014/main" id="{00000000-0008-0000-0100-00000E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もも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266700</xdr:colOff>
          <xdr:row>67</xdr:row>
          <xdr:rowOff>184150</xdr:rowOff>
        </xdr:from>
        <xdr:to>
          <xdr:col>27</xdr:col>
          <xdr:colOff>215900</xdr:colOff>
          <xdr:row>69</xdr:row>
          <xdr:rowOff>12700</xdr:rowOff>
        </xdr:to>
        <xdr:sp macro="" textlink="">
          <xdr:nvSpPr>
            <xdr:cNvPr id="2063" name="Check Box 15" hidden="1">
              <a:extLst>
                <a:ext uri="{63B3BB69-23CF-44E3-9099-C40C66FF867C}">
                  <a14:compatExt spid="_x0000_s2063"/>
                </a:ext>
                <a:ext uri="{FF2B5EF4-FFF2-40B4-BE49-F238E27FC236}">
                  <a16:creationId xmlns:a16="http://schemas.microsoft.com/office/drawing/2014/main" id="{00000000-0008-0000-0100-00000F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ごま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90500</xdr:colOff>
          <xdr:row>67</xdr:row>
          <xdr:rowOff>184150</xdr:rowOff>
        </xdr:from>
        <xdr:to>
          <xdr:col>28</xdr:col>
          <xdr:colOff>298450</xdr:colOff>
          <xdr:row>69</xdr:row>
          <xdr:rowOff>12700</xdr:rowOff>
        </xdr:to>
        <xdr:sp macro="" textlink="">
          <xdr:nvSpPr>
            <xdr:cNvPr id="2064" name="Check Box 16" hidden="1">
              <a:extLst>
                <a:ext uri="{63B3BB69-23CF-44E3-9099-C40C66FF867C}">
                  <a14:compatExt spid="_x0000_s2064"/>
                </a:ext>
                <a:ext uri="{FF2B5EF4-FFF2-40B4-BE49-F238E27FC236}">
                  <a16:creationId xmlns:a16="http://schemas.microsoft.com/office/drawing/2014/main" id="{00000000-0008-0000-0100-000010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さけ</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304800</xdr:colOff>
          <xdr:row>67</xdr:row>
          <xdr:rowOff>0</xdr:rowOff>
        </xdr:from>
        <xdr:to>
          <xdr:col>22</xdr:col>
          <xdr:colOff>222250</xdr:colOff>
          <xdr:row>68</xdr:row>
          <xdr:rowOff>31750</xdr:rowOff>
        </xdr:to>
        <xdr:sp macro="" textlink="">
          <xdr:nvSpPr>
            <xdr:cNvPr id="2065" name="Check Box 17" hidden="1">
              <a:extLst>
                <a:ext uri="{63B3BB69-23CF-44E3-9099-C40C66FF867C}">
                  <a14:compatExt spid="_x0000_s2065"/>
                </a:ext>
                <a:ext uri="{FF2B5EF4-FFF2-40B4-BE49-F238E27FC236}">
                  <a16:creationId xmlns:a16="http://schemas.microsoft.com/office/drawing/2014/main" id="{00000000-0008-0000-0100-000011080000}"/>
                </a:ext>
              </a:extLst>
            </xdr:cNvPr>
            <xdr:cNvSpPr/>
          </xdr:nvSpPr>
          <xdr:spPr bwMode="auto">
            <a:xfrm>
              <a:off x="0" y="0"/>
              <a:ext cx="0" cy="0"/>
            </a:xfrm>
            <a:prstGeom prst="rect">
              <a:avLst/>
            </a:prstGeom>
            <a:noFill/>
            <a:ln>
              <a:noFill/>
            </a:ln>
            <a:extLst>
              <a:ext uri="{909E8E84-426E-40DD-AFC4-6F175D3DCCD1}">
                <a14:hiddenFill>
                  <a:solidFill>
                    <a:srgbClr val="FF6600" mc:Ignorable="a14" a14:legacySpreadsheetColorIndex="53"/>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いか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355600</xdr:colOff>
          <xdr:row>69</xdr:row>
          <xdr:rowOff>0</xdr:rowOff>
        </xdr:from>
        <xdr:to>
          <xdr:col>23</xdr:col>
          <xdr:colOff>266700</xdr:colOff>
          <xdr:row>70</xdr:row>
          <xdr:rowOff>25400</xdr:rowOff>
        </xdr:to>
        <xdr:sp macro="" textlink="">
          <xdr:nvSpPr>
            <xdr:cNvPr id="2066" name="Check Box 18" hidden="1">
              <a:extLst>
                <a:ext uri="{63B3BB69-23CF-44E3-9099-C40C66FF867C}">
                  <a14:compatExt spid="_x0000_s2066"/>
                </a:ext>
                <a:ext uri="{FF2B5EF4-FFF2-40B4-BE49-F238E27FC236}">
                  <a16:creationId xmlns:a16="http://schemas.microsoft.com/office/drawing/2014/main" id="{00000000-0008-0000-0100-000012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鶏肉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146050</xdr:colOff>
          <xdr:row>69</xdr:row>
          <xdr:rowOff>152400</xdr:rowOff>
        </xdr:from>
        <xdr:to>
          <xdr:col>24</xdr:col>
          <xdr:colOff>12700</xdr:colOff>
          <xdr:row>71</xdr:row>
          <xdr:rowOff>12700</xdr:rowOff>
        </xdr:to>
        <xdr:sp macro="" textlink="">
          <xdr:nvSpPr>
            <xdr:cNvPr id="2067" name="Check Box 19" hidden="1">
              <a:extLst>
                <a:ext uri="{63B3BB69-23CF-44E3-9099-C40C66FF867C}">
                  <a14:compatExt spid="_x0000_s2067"/>
                </a:ext>
                <a:ext uri="{FF2B5EF4-FFF2-40B4-BE49-F238E27FC236}">
                  <a16:creationId xmlns:a16="http://schemas.microsoft.com/office/drawing/2014/main" id="{00000000-0008-0000-0100-000013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りんご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6</xdr:col>
          <xdr:colOff>304800</xdr:colOff>
          <xdr:row>68</xdr:row>
          <xdr:rowOff>184150</xdr:rowOff>
        </xdr:from>
        <xdr:to>
          <xdr:col>28</xdr:col>
          <xdr:colOff>330200</xdr:colOff>
          <xdr:row>70</xdr:row>
          <xdr:rowOff>25400</xdr:rowOff>
        </xdr:to>
        <xdr:sp macro="" textlink="">
          <xdr:nvSpPr>
            <xdr:cNvPr id="2068" name="Check Box 20" hidden="1">
              <a:extLst>
                <a:ext uri="{63B3BB69-23CF-44E3-9099-C40C66FF867C}">
                  <a14:compatExt spid="_x0000_s2068"/>
                </a:ext>
                <a:ext uri="{FF2B5EF4-FFF2-40B4-BE49-F238E27FC236}">
                  <a16:creationId xmlns:a16="http://schemas.microsoft.com/office/drawing/2014/main" id="{00000000-0008-0000-0100-000014080000}"/>
                </a:ext>
              </a:extLst>
            </xdr:cNvPr>
            <xdr:cNvSpPr/>
          </xdr:nvSpPr>
          <xdr:spPr bwMode="auto">
            <a:xfrm>
              <a:off x="0" y="0"/>
              <a:ext cx="0" cy="0"/>
            </a:xfrm>
            <a:prstGeom prst="rect">
              <a:avLst/>
            </a:prstGeom>
            <a:noFill/>
            <a:ln>
              <a:noFill/>
            </a:ln>
            <a:extLst>
              <a:ext uri="{909E8E84-426E-40DD-AFC4-6F175D3DCCD1}">
                <a14:hiddenFill>
                  <a:solidFill>
                    <a:srgbClr val="90713A"/>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まつたけ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4</xdr:col>
          <xdr:colOff>107950</xdr:colOff>
          <xdr:row>67</xdr:row>
          <xdr:rowOff>0</xdr:rowOff>
        </xdr:from>
        <xdr:to>
          <xdr:col>26</xdr:col>
          <xdr:colOff>127000</xdr:colOff>
          <xdr:row>68</xdr:row>
          <xdr:rowOff>31750</xdr:rowOff>
        </xdr:to>
        <xdr:sp macro="" textlink="">
          <xdr:nvSpPr>
            <xdr:cNvPr id="2069" name="Check Box 21" hidden="1">
              <a:extLst>
                <a:ext uri="{63B3BB69-23CF-44E3-9099-C40C66FF867C}">
                  <a14:compatExt spid="_x0000_s2069"/>
                </a:ext>
                <a:ext uri="{FF2B5EF4-FFF2-40B4-BE49-F238E27FC236}">
                  <a16:creationId xmlns:a16="http://schemas.microsoft.com/office/drawing/2014/main" id="{00000000-0008-0000-0100-000015080000}"/>
                </a:ext>
              </a:extLst>
            </xdr:cNvPr>
            <xdr:cNvSpPr/>
          </xdr:nvSpPr>
          <xdr:spPr bwMode="auto">
            <a:xfrm>
              <a:off x="0" y="0"/>
              <a:ext cx="0" cy="0"/>
            </a:xfrm>
            <a:prstGeom prst="rect">
              <a:avLst/>
            </a:prstGeom>
            <a:noFill/>
            <a:ln>
              <a:noFill/>
            </a:ln>
            <a:extLst>
              <a:ext uri="{909E8E84-426E-40DD-AFC4-6F175D3DCCD1}">
                <a14:hiddenFill>
                  <a:solidFill>
                    <a:srgbClr val="003366" mc:Ignorable="a14" a14:legacySpreadsheetColorIndex="56"/>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オレンジ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355600</xdr:colOff>
          <xdr:row>67</xdr:row>
          <xdr:rowOff>184150</xdr:rowOff>
        </xdr:from>
        <xdr:to>
          <xdr:col>23</xdr:col>
          <xdr:colOff>292100</xdr:colOff>
          <xdr:row>69</xdr:row>
          <xdr:rowOff>12700</xdr:rowOff>
        </xdr:to>
        <xdr:sp macro="" textlink="">
          <xdr:nvSpPr>
            <xdr:cNvPr id="2070" name="Check Box 22" hidden="1">
              <a:extLst>
                <a:ext uri="{63B3BB69-23CF-44E3-9099-C40C66FF867C}">
                  <a14:compatExt spid="_x0000_s2070"/>
                </a:ext>
                <a:ext uri="{FF2B5EF4-FFF2-40B4-BE49-F238E27FC236}">
                  <a16:creationId xmlns:a16="http://schemas.microsoft.com/office/drawing/2014/main" id="{00000000-0008-0000-0100-000016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牛肉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139700</xdr:colOff>
          <xdr:row>69</xdr:row>
          <xdr:rowOff>12700</xdr:rowOff>
        </xdr:from>
        <xdr:to>
          <xdr:col>26</xdr:col>
          <xdr:colOff>317500</xdr:colOff>
          <xdr:row>70</xdr:row>
          <xdr:rowOff>31750</xdr:rowOff>
        </xdr:to>
        <xdr:sp macro="" textlink="">
          <xdr:nvSpPr>
            <xdr:cNvPr id="2071" name="Check Box 23" hidden="1">
              <a:extLst>
                <a:ext uri="{63B3BB69-23CF-44E3-9099-C40C66FF867C}">
                  <a14:compatExt spid="_x0000_s2071"/>
                </a:ext>
                <a:ext uri="{FF2B5EF4-FFF2-40B4-BE49-F238E27FC236}">
                  <a16:creationId xmlns:a16="http://schemas.microsoft.com/office/drawing/2014/main" id="{00000000-0008-0000-0100-000017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豚肉、</a:t>
              </a:r>
            </a:p>
          </xdr:txBody>
        </xdr:sp>
        <xdr:clientData/>
      </xdr:twoCellAnchor>
    </mc:Choice>
    <mc:Fallback/>
  </mc:AlternateContent>
  <mc:AlternateContent xmlns:mc="http://schemas.openxmlformats.org/markup-compatibility/2006">
    <mc:Choice xmlns:a14="http://schemas.microsoft.com/office/drawing/2010/main" Requires="a14">
      <xdr:twoCellAnchor>
        <xdr:from>
          <xdr:col>24</xdr:col>
          <xdr:colOff>38100</xdr:colOff>
          <xdr:row>69</xdr:row>
          <xdr:rowOff>177800</xdr:rowOff>
        </xdr:from>
        <xdr:to>
          <xdr:col>25</xdr:col>
          <xdr:colOff>355600</xdr:colOff>
          <xdr:row>71</xdr:row>
          <xdr:rowOff>12700</xdr:rowOff>
        </xdr:to>
        <xdr:sp macro="" textlink="">
          <xdr:nvSpPr>
            <xdr:cNvPr id="2072" name="Check Box 24" hidden="1">
              <a:extLst>
                <a:ext uri="{63B3BB69-23CF-44E3-9099-C40C66FF867C}">
                  <a14:compatExt spid="_x0000_s2072"/>
                </a:ext>
                <a:ext uri="{FF2B5EF4-FFF2-40B4-BE49-F238E27FC236}">
                  <a16:creationId xmlns:a16="http://schemas.microsoft.com/office/drawing/2014/main" id="{00000000-0008-0000-0100-000018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ゼラチン、</a:t>
              </a:r>
            </a:p>
          </xdr:txBody>
        </xdr:sp>
        <xdr:clientData/>
      </xdr:twoCellAnchor>
    </mc:Choice>
    <mc:Fallback/>
  </mc:AlternateContent>
  <mc:AlternateContent xmlns:mc="http://schemas.openxmlformats.org/markup-compatibility/2006">
    <mc:Choice xmlns:a14="http://schemas.microsoft.com/office/drawing/2010/main" Requires="a14">
      <xdr:twoCellAnchor>
        <xdr:from>
          <xdr:col>26</xdr:col>
          <xdr:colOff>139700</xdr:colOff>
          <xdr:row>67</xdr:row>
          <xdr:rowOff>0</xdr:rowOff>
        </xdr:from>
        <xdr:to>
          <xdr:col>28</xdr:col>
          <xdr:colOff>298450</xdr:colOff>
          <xdr:row>68</xdr:row>
          <xdr:rowOff>31750</xdr:rowOff>
        </xdr:to>
        <xdr:sp macro="" textlink="">
          <xdr:nvSpPr>
            <xdr:cNvPr id="2073" name="Check Box 25" hidden="1">
              <a:extLst>
                <a:ext uri="{63B3BB69-23CF-44E3-9099-C40C66FF867C}">
                  <a14:compatExt spid="_x0000_s2073"/>
                </a:ext>
                <a:ext uri="{FF2B5EF4-FFF2-40B4-BE49-F238E27FC236}">
                  <a16:creationId xmlns:a16="http://schemas.microsoft.com/office/drawing/2014/main" id="{00000000-0008-0000-0100-000019080000}"/>
                </a:ext>
              </a:extLst>
            </xdr:cNvPr>
            <xdr:cNvSpPr/>
          </xdr:nvSpPr>
          <xdr:spPr bwMode="auto">
            <a:xfrm>
              <a:off x="0" y="0"/>
              <a:ext cx="0" cy="0"/>
            </a:xfrm>
            <a:prstGeom prst="rect">
              <a:avLst/>
            </a:prstGeom>
            <a:noFill/>
            <a:ln>
              <a:noFill/>
            </a:ln>
            <a:extLst>
              <a:ext uri="{909E8E84-426E-40DD-AFC4-6F175D3DCCD1}">
                <a14:hiddenFill>
                  <a:solidFill>
                    <a:srgbClr val="008080" mc:Ignorable="a14" a14:legacySpreadsheetColorIndex="21"/>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カシューナッツ</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50800</xdr:colOff>
          <xdr:row>67</xdr:row>
          <xdr:rowOff>0</xdr:rowOff>
        </xdr:from>
        <xdr:to>
          <xdr:col>20</xdr:col>
          <xdr:colOff>241300</xdr:colOff>
          <xdr:row>68</xdr:row>
          <xdr:rowOff>25400</xdr:rowOff>
        </xdr:to>
        <xdr:sp macro="" textlink="">
          <xdr:nvSpPr>
            <xdr:cNvPr id="2074" name="Check Box 26" hidden="1">
              <a:extLst>
                <a:ext uri="{63B3BB69-23CF-44E3-9099-C40C66FF867C}">
                  <a14:compatExt spid="_x0000_s2074"/>
                </a:ext>
                <a:ext uri="{FF2B5EF4-FFF2-40B4-BE49-F238E27FC236}">
                  <a16:creationId xmlns:a16="http://schemas.microsoft.com/office/drawing/2014/main" id="{00000000-0008-0000-0100-00001A080000}"/>
                </a:ext>
              </a:extLst>
            </xdr:cNvPr>
            <xdr:cNvSpPr/>
          </xdr:nvSpPr>
          <xdr:spPr bwMode="auto">
            <a:xfrm>
              <a:off x="0" y="0"/>
              <a:ext cx="0" cy="0"/>
            </a:xfrm>
            <a:prstGeom prst="rect">
              <a:avLst/>
            </a:prstGeom>
            <a:noFill/>
            <a:ln>
              <a:noFill/>
            </a:ln>
            <a:extLst>
              <a:ext uri="{909E8E84-426E-40DD-AFC4-6F175D3DCCD1}">
                <a14:hiddenFill>
                  <a:solidFill>
                    <a:srgbClr val="C0C0C0" mc:Ignorable="a14" a14:legacySpreadsheetColorIndex="22">
                      <a:alpha val="60001"/>
                    </a:srgbClr>
                  </a:solidFill>
                </a14:hiddenFill>
              </a:ext>
              <a:ext uri="{91240B29-F687-4F45-9708-019B960494DF}">
                <a14:hiddenLine w="3175" cap="rnd">
                  <a:solidFill>
                    <a:srgbClr val="000000" mc:Ignorable="a14" a14:legacySpreadsheetColorIndex="64"/>
                  </a:solidFill>
                  <a:prstDash val="sysDot"/>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あわび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203200</xdr:colOff>
          <xdr:row>67</xdr:row>
          <xdr:rowOff>0</xdr:rowOff>
        </xdr:from>
        <xdr:to>
          <xdr:col>24</xdr:col>
          <xdr:colOff>107950</xdr:colOff>
          <xdr:row>68</xdr:row>
          <xdr:rowOff>31750</xdr:rowOff>
        </xdr:to>
        <xdr:sp macro="" textlink="">
          <xdr:nvSpPr>
            <xdr:cNvPr id="2075" name="Check Box 27" hidden="1">
              <a:extLst>
                <a:ext uri="{63B3BB69-23CF-44E3-9099-C40C66FF867C}">
                  <a14:compatExt spid="_x0000_s2075"/>
                </a:ext>
                <a:ext uri="{FF2B5EF4-FFF2-40B4-BE49-F238E27FC236}">
                  <a16:creationId xmlns:a16="http://schemas.microsoft.com/office/drawing/2014/main" id="{00000000-0008-0000-0100-00001B080000}"/>
                </a:ext>
              </a:extLst>
            </xdr:cNvPr>
            <xdr:cNvSpPr/>
          </xdr:nvSpPr>
          <xdr:spPr bwMode="auto">
            <a:xfrm>
              <a:off x="0" y="0"/>
              <a:ext cx="0" cy="0"/>
            </a:xfrm>
            <a:prstGeom prst="rect">
              <a:avLst/>
            </a:prstGeom>
            <a:noFill/>
            <a:ln>
              <a:noFill/>
            </a:ln>
            <a:extLst>
              <a:ext uri="{909E8E84-426E-40DD-AFC4-6F175D3DCCD1}">
                <a14:hiddenFill>
                  <a:solidFill>
                    <a:srgbClr val="339966" mc:Ignorable="a14" a14:legacySpreadsheetColorIndex="57"/>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いくら 、</a:t>
              </a:r>
            </a:p>
          </xdr:txBody>
        </xdr:sp>
        <xdr:clientData/>
      </xdr:twoCellAnchor>
    </mc:Choice>
    <mc:Fallback/>
  </mc:AlternateContent>
  <mc:AlternateContent xmlns:mc="http://schemas.openxmlformats.org/markup-compatibility/2006">
    <mc:Choice xmlns:a14="http://schemas.microsoft.com/office/drawing/2010/main" Requires="a14">
      <xdr:twoCellAnchor>
        <xdr:from>
          <xdr:col>8</xdr:col>
          <xdr:colOff>63500</xdr:colOff>
          <xdr:row>24</xdr:row>
          <xdr:rowOff>101600</xdr:rowOff>
        </xdr:from>
        <xdr:to>
          <xdr:col>10</xdr:col>
          <xdr:colOff>76200</xdr:colOff>
          <xdr:row>25</xdr:row>
          <xdr:rowOff>127000</xdr:rowOff>
        </xdr:to>
        <xdr:sp macro="" textlink="">
          <xdr:nvSpPr>
            <xdr:cNvPr id="2076" name="Check Box 28" hidden="1">
              <a:extLst>
                <a:ext uri="{63B3BB69-23CF-44E3-9099-C40C66FF867C}">
                  <a14:compatExt spid="_x0000_s2076"/>
                </a:ext>
                <a:ext uri="{FF2B5EF4-FFF2-40B4-BE49-F238E27FC236}">
                  <a16:creationId xmlns:a16="http://schemas.microsoft.com/office/drawing/2014/main" id="{00000000-0008-0000-0100-00001C080000}"/>
                </a:ext>
              </a:extLst>
            </xdr:cNvPr>
            <xdr:cNvSpPr/>
          </xdr:nvSpPr>
          <xdr:spPr bwMode="auto">
            <a:xfrm>
              <a:off x="0" y="0"/>
              <a:ext cx="0" cy="0"/>
            </a:xfrm>
            <a:prstGeom prst="rect">
              <a:avLst/>
            </a:prstGeom>
            <a:noFill/>
            <a:ln>
              <a:noFill/>
            </a:ln>
            <a:extLst>
              <a:ext uri="{909E8E84-426E-40DD-AFC4-6F175D3DCCD1}">
                <a14:hiddenFill>
                  <a:solidFill>
                    <a:srgbClr val="CCCCCC"/>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有機ＪＡＳ</a:t>
              </a:r>
            </a:p>
          </xdr:txBody>
        </xdr:sp>
        <xdr:clientData/>
      </xdr:twoCellAnchor>
    </mc:Choice>
    <mc:Fallback/>
  </mc:AlternateContent>
  <mc:AlternateContent xmlns:mc="http://schemas.openxmlformats.org/markup-compatibility/2006">
    <mc:Choice xmlns:a14="http://schemas.microsoft.com/office/drawing/2010/main" Requires="a14">
      <xdr:twoCellAnchor>
        <xdr:from>
          <xdr:col>11</xdr:col>
          <xdr:colOff>342900</xdr:colOff>
          <xdr:row>24</xdr:row>
          <xdr:rowOff>76200</xdr:rowOff>
        </xdr:from>
        <xdr:to>
          <xdr:col>13</xdr:col>
          <xdr:colOff>330200</xdr:colOff>
          <xdr:row>25</xdr:row>
          <xdr:rowOff>139700</xdr:rowOff>
        </xdr:to>
        <xdr:sp macro="" textlink="">
          <xdr:nvSpPr>
            <xdr:cNvPr id="2077" name="Check Box 29" hidden="1">
              <a:extLst>
                <a:ext uri="{63B3BB69-23CF-44E3-9099-C40C66FF867C}">
                  <a14:compatExt spid="_x0000_s2077"/>
                </a:ext>
                <a:ext uri="{FF2B5EF4-FFF2-40B4-BE49-F238E27FC236}">
                  <a16:creationId xmlns:a16="http://schemas.microsoft.com/office/drawing/2014/main" id="{00000000-0008-0000-0100-00001D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ＩＳＯ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7</xdr:col>
          <xdr:colOff>317500</xdr:colOff>
          <xdr:row>24</xdr:row>
          <xdr:rowOff>63500</xdr:rowOff>
        </xdr:from>
        <xdr:to>
          <xdr:col>26</xdr:col>
          <xdr:colOff>298450</xdr:colOff>
          <xdr:row>25</xdr:row>
          <xdr:rowOff>139700</xdr:rowOff>
        </xdr:to>
        <xdr:sp macro="" textlink="">
          <xdr:nvSpPr>
            <xdr:cNvPr id="2078" name="Check Box 30" hidden="1">
              <a:extLst>
                <a:ext uri="{63B3BB69-23CF-44E3-9099-C40C66FF867C}">
                  <a14:compatExt spid="_x0000_s2078"/>
                </a:ext>
                <a:ext uri="{FF2B5EF4-FFF2-40B4-BE49-F238E27FC236}">
                  <a16:creationId xmlns:a16="http://schemas.microsoft.com/office/drawing/2014/main" id="{00000000-0008-0000-0100-00001E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農業生産工程管理（ＧＡＰ）　※</a:t>
              </a:r>
            </a:p>
          </xdr:txBody>
        </xdr:sp>
        <xdr:clientData/>
      </xdr:twoCellAnchor>
    </mc:Choice>
    <mc:Fallback/>
  </mc:AlternateContent>
  <mc:AlternateContent xmlns:mc="http://schemas.openxmlformats.org/markup-compatibility/2006">
    <mc:Choice xmlns:a14="http://schemas.microsoft.com/office/drawing/2010/main" Requires="a14">
      <xdr:twoCellAnchor>
        <xdr:from>
          <xdr:col>8</xdr:col>
          <xdr:colOff>63500</xdr:colOff>
          <xdr:row>25</xdr:row>
          <xdr:rowOff>184150</xdr:rowOff>
        </xdr:from>
        <xdr:to>
          <xdr:col>11</xdr:col>
          <xdr:colOff>330200</xdr:colOff>
          <xdr:row>27</xdr:row>
          <xdr:rowOff>50800</xdr:rowOff>
        </xdr:to>
        <xdr:sp macro="" textlink="">
          <xdr:nvSpPr>
            <xdr:cNvPr id="2079" name="Check Box 31" hidden="1">
              <a:extLst>
                <a:ext uri="{63B3BB69-23CF-44E3-9099-C40C66FF867C}">
                  <a14:compatExt spid="_x0000_s2079"/>
                </a:ext>
                <a:ext uri="{FF2B5EF4-FFF2-40B4-BE49-F238E27FC236}">
                  <a16:creationId xmlns:a16="http://schemas.microsoft.com/office/drawing/2014/main" id="{00000000-0008-0000-0100-00001F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その他（右に記入→）</a:t>
              </a:r>
            </a:p>
          </xdr:txBody>
        </xdr:sp>
        <xdr:clientData/>
      </xdr:twoCellAnchor>
    </mc:Choice>
    <mc:Fallback/>
  </mc:AlternateContent>
  <mc:AlternateContent xmlns:mc="http://schemas.openxmlformats.org/markup-compatibility/2006">
    <mc:Choice xmlns:a14="http://schemas.microsoft.com/office/drawing/2010/main" Requires="a14">
      <xdr:twoCellAnchor>
        <xdr:from>
          <xdr:col>12</xdr:col>
          <xdr:colOff>38100</xdr:colOff>
          <xdr:row>29</xdr:row>
          <xdr:rowOff>38100</xdr:rowOff>
        </xdr:from>
        <xdr:to>
          <xdr:col>14</xdr:col>
          <xdr:colOff>330200</xdr:colOff>
          <xdr:row>30</xdr:row>
          <xdr:rowOff>63500</xdr:rowOff>
        </xdr:to>
        <xdr:sp macro="" textlink="">
          <xdr:nvSpPr>
            <xdr:cNvPr id="2080" name="Check Box 32" hidden="1">
              <a:extLst>
                <a:ext uri="{63B3BB69-23CF-44E3-9099-C40C66FF867C}">
                  <a14:compatExt spid="_x0000_s2080"/>
                </a:ext>
                <a:ext uri="{FF2B5EF4-FFF2-40B4-BE49-F238E27FC236}">
                  <a16:creationId xmlns:a16="http://schemas.microsoft.com/office/drawing/2014/main" id="{00000000-0008-0000-0100-000020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外食</a:t>
              </a:r>
            </a:p>
          </xdr:txBody>
        </xdr:sp>
        <xdr:clientData/>
      </xdr:twoCellAnchor>
    </mc:Choice>
    <mc:Fallback/>
  </mc:AlternateContent>
  <mc:AlternateContent xmlns:mc="http://schemas.openxmlformats.org/markup-compatibility/2006">
    <mc:Choice xmlns:a14="http://schemas.microsoft.com/office/drawing/2010/main" Requires="a14">
      <xdr:twoCellAnchor>
        <xdr:from>
          <xdr:col>15</xdr:col>
          <xdr:colOff>304800</xdr:colOff>
          <xdr:row>29</xdr:row>
          <xdr:rowOff>38100</xdr:rowOff>
        </xdr:from>
        <xdr:to>
          <xdr:col>17</xdr:col>
          <xdr:colOff>304800</xdr:colOff>
          <xdr:row>30</xdr:row>
          <xdr:rowOff>63500</xdr:rowOff>
        </xdr:to>
        <xdr:sp macro="" textlink="">
          <xdr:nvSpPr>
            <xdr:cNvPr id="2081" name="Check Box 33" hidden="1">
              <a:extLst>
                <a:ext uri="{63B3BB69-23CF-44E3-9099-C40C66FF867C}">
                  <a14:compatExt spid="_x0000_s2081"/>
                </a:ext>
                <a:ext uri="{FF2B5EF4-FFF2-40B4-BE49-F238E27FC236}">
                  <a16:creationId xmlns:a16="http://schemas.microsoft.com/office/drawing/2014/main" id="{00000000-0008-0000-0100-000021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商社・卸売</a:t>
              </a:r>
            </a:p>
          </xdr:txBody>
        </xdr:sp>
        <xdr:clientData/>
      </xdr:twoCellAnchor>
    </mc:Choice>
    <mc:Fallback/>
  </mc:AlternateContent>
  <mc:AlternateContent xmlns:mc="http://schemas.openxmlformats.org/markup-compatibility/2006">
    <mc:Choice xmlns:a14="http://schemas.microsoft.com/office/drawing/2010/main" Requires="a14">
      <xdr:twoCellAnchor>
        <xdr:from>
          <xdr:col>18</xdr:col>
          <xdr:colOff>127000</xdr:colOff>
          <xdr:row>29</xdr:row>
          <xdr:rowOff>38100</xdr:rowOff>
        </xdr:from>
        <xdr:to>
          <xdr:col>19</xdr:col>
          <xdr:colOff>393700</xdr:colOff>
          <xdr:row>30</xdr:row>
          <xdr:rowOff>69850</xdr:rowOff>
        </xdr:to>
        <xdr:sp macro="" textlink="">
          <xdr:nvSpPr>
            <xdr:cNvPr id="2082" name="Check Box 34" hidden="1">
              <a:extLst>
                <a:ext uri="{63B3BB69-23CF-44E3-9099-C40C66FF867C}">
                  <a14:compatExt spid="_x0000_s2082"/>
                </a:ext>
                <a:ext uri="{FF2B5EF4-FFF2-40B4-BE49-F238E27FC236}">
                  <a16:creationId xmlns:a16="http://schemas.microsoft.com/office/drawing/2014/main" id="{00000000-0008-0000-0100-000022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メーカー</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14300</xdr:colOff>
          <xdr:row>29</xdr:row>
          <xdr:rowOff>38100</xdr:rowOff>
        </xdr:from>
        <xdr:to>
          <xdr:col>23</xdr:col>
          <xdr:colOff>184150</xdr:colOff>
          <xdr:row>30</xdr:row>
          <xdr:rowOff>69850</xdr:rowOff>
        </xdr:to>
        <xdr:sp macro="" textlink="">
          <xdr:nvSpPr>
            <xdr:cNvPr id="2083" name="Check Box 35" hidden="1">
              <a:extLst>
                <a:ext uri="{63B3BB69-23CF-44E3-9099-C40C66FF867C}">
                  <a14:compatExt spid="_x0000_s2083"/>
                </a:ext>
                <a:ext uri="{FF2B5EF4-FFF2-40B4-BE49-F238E27FC236}">
                  <a16:creationId xmlns:a16="http://schemas.microsoft.com/office/drawing/2014/main" id="{00000000-0008-0000-0100-000023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スーパーマーケット</a:t>
              </a:r>
            </a:p>
          </xdr:txBody>
        </xdr:sp>
        <xdr:clientData/>
      </xdr:twoCellAnchor>
    </mc:Choice>
    <mc:Fallback/>
  </mc:AlternateContent>
  <mc:AlternateContent xmlns:mc="http://schemas.openxmlformats.org/markup-compatibility/2006">
    <mc:Choice xmlns:a14="http://schemas.microsoft.com/office/drawing/2010/main" Requires="a14">
      <xdr:twoCellAnchor>
        <xdr:from>
          <xdr:col>12</xdr:col>
          <xdr:colOff>38100</xdr:colOff>
          <xdr:row>30</xdr:row>
          <xdr:rowOff>50800</xdr:rowOff>
        </xdr:from>
        <xdr:to>
          <xdr:col>15</xdr:col>
          <xdr:colOff>203200</xdr:colOff>
          <xdr:row>31</xdr:row>
          <xdr:rowOff>107950</xdr:rowOff>
        </xdr:to>
        <xdr:sp macro="" textlink="">
          <xdr:nvSpPr>
            <xdr:cNvPr id="2084" name="Check Box 36" hidden="1">
              <a:extLst>
                <a:ext uri="{63B3BB69-23CF-44E3-9099-C40C66FF867C}">
                  <a14:compatExt spid="_x0000_s2084"/>
                </a:ext>
                <a:ext uri="{FF2B5EF4-FFF2-40B4-BE49-F238E27FC236}">
                  <a16:creationId xmlns:a16="http://schemas.microsoft.com/office/drawing/2014/main" id="{00000000-0008-0000-0100-000024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ホテル・宴会・レジャー</a:t>
              </a:r>
            </a:p>
          </xdr:txBody>
        </xdr:sp>
        <xdr:clientData/>
      </xdr:twoCellAnchor>
    </mc:Choice>
    <mc:Fallback/>
  </mc:AlternateContent>
  <mc:AlternateContent xmlns:mc="http://schemas.openxmlformats.org/markup-compatibility/2006">
    <mc:Choice xmlns:a14="http://schemas.microsoft.com/office/drawing/2010/main" Requires="a14">
      <xdr:twoCellAnchor>
        <xdr:from>
          <xdr:col>12</xdr:col>
          <xdr:colOff>38100</xdr:colOff>
          <xdr:row>31</xdr:row>
          <xdr:rowOff>63500</xdr:rowOff>
        </xdr:from>
        <xdr:to>
          <xdr:col>15</xdr:col>
          <xdr:colOff>184150</xdr:colOff>
          <xdr:row>32</xdr:row>
          <xdr:rowOff>177800</xdr:rowOff>
        </xdr:to>
        <xdr:sp macro="" textlink="">
          <xdr:nvSpPr>
            <xdr:cNvPr id="2085" name="Check Box 37" hidden="1">
              <a:extLst>
                <a:ext uri="{63B3BB69-23CF-44E3-9099-C40C66FF867C}">
                  <a14:compatExt spid="_x0000_s2085"/>
                </a:ext>
                <a:ext uri="{FF2B5EF4-FFF2-40B4-BE49-F238E27FC236}">
                  <a16:creationId xmlns:a16="http://schemas.microsoft.com/office/drawing/2014/main" id="{00000000-0008-0000-0100-000025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その他（右に記入→）</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101600</xdr:colOff>
          <xdr:row>18</xdr:row>
          <xdr:rowOff>50800</xdr:rowOff>
        </xdr:from>
        <xdr:to>
          <xdr:col>25</xdr:col>
          <xdr:colOff>76200</xdr:colOff>
          <xdr:row>19</xdr:row>
          <xdr:rowOff>146050</xdr:rowOff>
        </xdr:to>
        <xdr:sp macro="" textlink="">
          <xdr:nvSpPr>
            <xdr:cNvPr id="2086" name="Drop Down 38" hidden="1">
              <a:extLst>
                <a:ext uri="{63B3BB69-23CF-44E3-9099-C40C66FF867C}">
                  <a14:compatExt spid="_x0000_s2086"/>
                </a:ext>
                <a:ext uri="{FF2B5EF4-FFF2-40B4-BE49-F238E27FC236}">
                  <a16:creationId xmlns:a16="http://schemas.microsoft.com/office/drawing/2014/main" id="{00000000-0008-0000-0100-0000260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36550</xdr:colOff>
          <xdr:row>24</xdr:row>
          <xdr:rowOff>101600</xdr:rowOff>
        </xdr:from>
        <xdr:to>
          <xdr:col>17</xdr:col>
          <xdr:colOff>317500</xdr:colOff>
          <xdr:row>25</xdr:row>
          <xdr:rowOff>127000</xdr:rowOff>
        </xdr:to>
        <xdr:sp macro="" textlink="">
          <xdr:nvSpPr>
            <xdr:cNvPr id="2087" name="Check Box 39" hidden="1">
              <a:extLst>
                <a:ext uri="{63B3BB69-23CF-44E3-9099-C40C66FF867C}">
                  <a14:compatExt spid="_x0000_s2087"/>
                </a:ext>
                <a:ext uri="{FF2B5EF4-FFF2-40B4-BE49-F238E27FC236}">
                  <a16:creationId xmlns:a16="http://schemas.microsoft.com/office/drawing/2014/main" id="{00000000-0008-0000-0100-000027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ＨＡＣＣＰ　※</a:t>
              </a:r>
            </a:p>
          </xdr:txBody>
        </xdr:sp>
        <xdr:clientData/>
      </xdr:twoCellAnchor>
    </mc:Choice>
    <mc:Fallback/>
  </mc:AlternateContent>
  <mc:AlternateContent xmlns:mc="http://schemas.openxmlformats.org/markup-compatibility/2006">
    <mc:Choice xmlns:a14="http://schemas.microsoft.com/office/drawing/2010/main" Requires="a14">
      <xdr:twoCellAnchor>
        <xdr:from>
          <xdr:col>38</xdr:col>
          <xdr:colOff>146050</xdr:colOff>
          <xdr:row>58</xdr:row>
          <xdr:rowOff>0</xdr:rowOff>
        </xdr:from>
        <xdr:to>
          <xdr:col>41</xdr:col>
          <xdr:colOff>0</xdr:colOff>
          <xdr:row>58</xdr:row>
          <xdr:rowOff>146050</xdr:rowOff>
        </xdr:to>
        <xdr:sp macro="" textlink="">
          <xdr:nvSpPr>
            <xdr:cNvPr id="2088" name="Option Button 40" hidden="1">
              <a:extLst>
                <a:ext uri="{63B3BB69-23CF-44E3-9099-C40C66FF867C}">
                  <a14:compatExt spid="_x0000_s2088"/>
                </a:ext>
                <a:ext uri="{FF2B5EF4-FFF2-40B4-BE49-F238E27FC236}">
                  <a16:creationId xmlns:a16="http://schemas.microsoft.com/office/drawing/2014/main" id="{00000000-0008-0000-0100-00002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有→具体的に</a:t>
              </a:r>
            </a:p>
          </xdr:txBody>
        </xdr:sp>
        <xdr:clientData/>
      </xdr:twoCellAnchor>
    </mc:Choice>
    <mc:Fallback/>
  </mc:AlternateContent>
  <mc:AlternateContent xmlns:mc="http://schemas.openxmlformats.org/markup-compatibility/2006">
    <mc:Choice xmlns:a14="http://schemas.microsoft.com/office/drawing/2010/main" Requires="a14">
      <xdr:twoCellAnchor>
        <xdr:from>
          <xdr:col>37</xdr:col>
          <xdr:colOff>139700</xdr:colOff>
          <xdr:row>58</xdr:row>
          <xdr:rowOff>0</xdr:rowOff>
        </xdr:from>
        <xdr:to>
          <xdr:col>38</xdr:col>
          <xdr:colOff>139700</xdr:colOff>
          <xdr:row>58</xdr:row>
          <xdr:rowOff>146050</xdr:rowOff>
        </xdr:to>
        <xdr:sp macro="" textlink="">
          <xdr:nvSpPr>
            <xdr:cNvPr id="2089" name="Option Button 41" hidden="1">
              <a:extLst>
                <a:ext uri="{63B3BB69-23CF-44E3-9099-C40C66FF867C}">
                  <a14:compatExt spid="_x0000_s2089"/>
                </a:ext>
                <a:ext uri="{FF2B5EF4-FFF2-40B4-BE49-F238E27FC236}">
                  <a16:creationId xmlns:a16="http://schemas.microsoft.com/office/drawing/2014/main" id="{00000000-0008-0000-0100-00002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mc:AlternateContent xmlns:mc="http://schemas.openxmlformats.org/markup-compatibility/2006">
    <mc:Choice xmlns:a14="http://schemas.microsoft.com/office/drawing/2010/main" Requires="a14">
      <xdr:twoCellAnchor>
        <xdr:from>
          <xdr:col>13</xdr:col>
          <xdr:colOff>336550</xdr:colOff>
          <xdr:row>29</xdr:row>
          <xdr:rowOff>38100</xdr:rowOff>
        </xdr:from>
        <xdr:to>
          <xdr:col>15</xdr:col>
          <xdr:colOff>330200</xdr:colOff>
          <xdr:row>30</xdr:row>
          <xdr:rowOff>63500</xdr:rowOff>
        </xdr:to>
        <xdr:sp macro="" textlink="">
          <xdr:nvSpPr>
            <xdr:cNvPr id="2090" name="Check Box 42" hidden="1">
              <a:extLst>
                <a:ext uri="{63B3BB69-23CF-44E3-9099-C40C66FF867C}">
                  <a14:compatExt spid="_x0000_s2090"/>
                </a:ext>
                <a:ext uri="{FF2B5EF4-FFF2-40B4-BE49-F238E27FC236}">
                  <a16:creationId xmlns:a16="http://schemas.microsoft.com/office/drawing/2014/main" id="{00000000-0008-0000-0100-00002A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中食</a:t>
              </a:r>
            </a:p>
          </xdr:txBody>
        </xdr:sp>
        <xdr:clientData/>
      </xdr:twoCellAnchor>
    </mc:Choice>
    <mc:Fallback/>
  </mc:AlternateContent>
  <mc:AlternateContent xmlns:mc="http://schemas.openxmlformats.org/markup-compatibility/2006">
    <mc:Choice xmlns:a14="http://schemas.microsoft.com/office/drawing/2010/main" Requires="a14">
      <xdr:twoCellAnchor>
        <xdr:from>
          <xdr:col>23</xdr:col>
          <xdr:colOff>298450</xdr:colOff>
          <xdr:row>29</xdr:row>
          <xdr:rowOff>38100</xdr:rowOff>
        </xdr:from>
        <xdr:to>
          <xdr:col>25</xdr:col>
          <xdr:colOff>203200</xdr:colOff>
          <xdr:row>30</xdr:row>
          <xdr:rowOff>63500</xdr:rowOff>
        </xdr:to>
        <xdr:sp macro="" textlink="">
          <xdr:nvSpPr>
            <xdr:cNvPr id="2091" name="Check Box 43" hidden="1">
              <a:extLst>
                <a:ext uri="{63B3BB69-23CF-44E3-9099-C40C66FF867C}">
                  <a14:compatExt spid="_x0000_s2091"/>
                </a:ext>
                <a:ext uri="{FF2B5EF4-FFF2-40B4-BE49-F238E27FC236}">
                  <a16:creationId xmlns:a16="http://schemas.microsoft.com/office/drawing/2014/main" id="{00000000-0008-0000-0100-00002B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百貨店</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317500</xdr:colOff>
          <xdr:row>29</xdr:row>
          <xdr:rowOff>38100</xdr:rowOff>
        </xdr:from>
        <xdr:to>
          <xdr:col>28</xdr:col>
          <xdr:colOff>0</xdr:colOff>
          <xdr:row>30</xdr:row>
          <xdr:rowOff>63500</xdr:rowOff>
        </xdr:to>
        <xdr:sp macro="" textlink="">
          <xdr:nvSpPr>
            <xdr:cNvPr id="2092" name="Check Box 44" hidden="1">
              <a:extLst>
                <a:ext uri="{63B3BB69-23CF-44E3-9099-C40C66FF867C}">
                  <a14:compatExt spid="_x0000_s2092"/>
                </a:ext>
                <a:ext uri="{FF2B5EF4-FFF2-40B4-BE49-F238E27FC236}">
                  <a16:creationId xmlns:a16="http://schemas.microsoft.com/office/drawing/2014/main" id="{00000000-0008-0000-0100-00002C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その他小売</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88900</xdr:colOff>
          <xdr:row>20</xdr:row>
          <xdr:rowOff>50800</xdr:rowOff>
        </xdr:from>
        <xdr:to>
          <xdr:col>22</xdr:col>
          <xdr:colOff>165100</xdr:colOff>
          <xdr:row>21</xdr:row>
          <xdr:rowOff>114300</xdr:rowOff>
        </xdr:to>
        <xdr:sp macro="" textlink="">
          <xdr:nvSpPr>
            <xdr:cNvPr id="2093" name="Option Button 45" hidden="1">
              <a:extLst>
                <a:ext uri="{63B3BB69-23CF-44E3-9099-C40C66FF867C}">
                  <a14:compatExt spid="_x0000_s2093"/>
                </a:ext>
                <a:ext uri="{FF2B5EF4-FFF2-40B4-BE49-F238E27FC236}">
                  <a16:creationId xmlns:a16="http://schemas.microsoft.com/office/drawing/2014/main" id="{00000000-0008-0000-0100-00002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317500</xdr:colOff>
          <xdr:row>20</xdr:row>
          <xdr:rowOff>50800</xdr:rowOff>
        </xdr:from>
        <xdr:to>
          <xdr:col>24</xdr:col>
          <xdr:colOff>0</xdr:colOff>
          <xdr:row>21</xdr:row>
          <xdr:rowOff>114300</xdr:rowOff>
        </xdr:to>
        <xdr:sp macro="" textlink="">
          <xdr:nvSpPr>
            <xdr:cNvPr id="2094" name="Option Button 46" hidden="1">
              <a:extLst>
                <a:ext uri="{63B3BB69-23CF-44E3-9099-C40C66FF867C}">
                  <a14:compatExt spid="_x0000_s2094"/>
                </a:ext>
                <a:ext uri="{FF2B5EF4-FFF2-40B4-BE49-F238E27FC236}">
                  <a16:creationId xmlns:a16="http://schemas.microsoft.com/office/drawing/2014/main" id="{00000000-0008-0000-0100-00002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有→</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139700</xdr:colOff>
          <xdr:row>30</xdr:row>
          <xdr:rowOff>0</xdr:rowOff>
        </xdr:from>
        <xdr:to>
          <xdr:col>28</xdr:col>
          <xdr:colOff>63500</xdr:colOff>
          <xdr:row>31</xdr:row>
          <xdr:rowOff>38100</xdr:rowOff>
        </xdr:to>
        <xdr:sp macro="" textlink="">
          <xdr:nvSpPr>
            <xdr:cNvPr id="2095" name="Check Box 47" hidden="1">
              <a:extLst>
                <a:ext uri="{63B3BB69-23CF-44E3-9099-C40C66FF867C}">
                  <a14:compatExt spid="_x0000_s2095"/>
                </a:ext>
                <a:ext uri="{FF2B5EF4-FFF2-40B4-BE49-F238E27FC236}">
                  <a16:creationId xmlns:a16="http://schemas.microsoft.com/office/drawing/2014/main" id="{00000000-0008-0000-0100-00002F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ギフト対応可能</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63500</xdr:colOff>
          <xdr:row>29</xdr:row>
          <xdr:rowOff>184150</xdr:rowOff>
        </xdr:from>
        <xdr:to>
          <xdr:col>24</xdr:col>
          <xdr:colOff>342900</xdr:colOff>
          <xdr:row>31</xdr:row>
          <xdr:rowOff>50800</xdr:rowOff>
        </xdr:to>
        <xdr:sp macro="" textlink="">
          <xdr:nvSpPr>
            <xdr:cNvPr id="2096" name="Check Box 48" hidden="1">
              <a:extLst>
                <a:ext uri="{63B3BB69-23CF-44E3-9099-C40C66FF867C}">
                  <a14:compatExt spid="_x0000_s2096"/>
                </a:ext>
                <a:ext uri="{FF2B5EF4-FFF2-40B4-BE49-F238E27FC236}">
                  <a16:creationId xmlns:a16="http://schemas.microsoft.com/office/drawing/2014/main" id="{00000000-0008-0000-0100-000030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業務用対応可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2700</xdr:colOff>
          <xdr:row>19</xdr:row>
          <xdr:rowOff>203200</xdr:rowOff>
        </xdr:from>
        <xdr:to>
          <xdr:col>24</xdr:col>
          <xdr:colOff>152400</xdr:colOff>
          <xdr:row>21</xdr:row>
          <xdr:rowOff>165100</xdr:rowOff>
        </xdr:to>
        <xdr:sp macro="" textlink="">
          <xdr:nvSpPr>
            <xdr:cNvPr id="2097" name="Group Box 49" descr="&#10;" hidden="1">
              <a:extLst>
                <a:ext uri="{63B3BB69-23CF-44E3-9099-C40C66FF867C}">
                  <a14:compatExt spid="_x0000_s2097"/>
                </a:ext>
                <a:ext uri="{FF2B5EF4-FFF2-40B4-BE49-F238E27FC236}">
                  <a16:creationId xmlns:a16="http://schemas.microsoft.com/office/drawing/2014/main" id="{00000000-0008-0000-0100-000031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37</xdr:col>
          <xdr:colOff>25400</xdr:colOff>
          <xdr:row>56</xdr:row>
          <xdr:rowOff>177800</xdr:rowOff>
        </xdr:from>
        <xdr:to>
          <xdr:col>41</xdr:col>
          <xdr:colOff>12700</xdr:colOff>
          <xdr:row>59</xdr:row>
          <xdr:rowOff>152400</xdr:rowOff>
        </xdr:to>
        <xdr:sp macro="" textlink="">
          <xdr:nvSpPr>
            <xdr:cNvPr id="2098" name="Group Box 50" hidden="1">
              <a:extLst>
                <a:ext uri="{63B3BB69-23CF-44E3-9099-C40C66FF867C}">
                  <a14:compatExt spid="_x0000_s2098"/>
                </a:ext>
                <a:ext uri="{FF2B5EF4-FFF2-40B4-BE49-F238E27FC236}">
                  <a16:creationId xmlns:a16="http://schemas.microsoft.com/office/drawing/2014/main" id="{00000000-0008-0000-0100-000032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xdr:from>
          <xdr:col>26</xdr:col>
          <xdr:colOff>76200</xdr:colOff>
          <xdr:row>69</xdr:row>
          <xdr:rowOff>177800</xdr:rowOff>
        </xdr:from>
        <xdr:to>
          <xdr:col>27</xdr:col>
          <xdr:colOff>355600</xdr:colOff>
          <xdr:row>71</xdr:row>
          <xdr:rowOff>12700</xdr:rowOff>
        </xdr:to>
        <xdr:sp macro="" textlink="">
          <xdr:nvSpPr>
            <xdr:cNvPr id="2099" name="Check Box 51" hidden="1">
              <a:extLst>
                <a:ext uri="{63B3BB69-23CF-44E3-9099-C40C66FF867C}">
                  <a14:compatExt spid="_x0000_s2099"/>
                </a:ext>
                <a:ext uri="{FF2B5EF4-FFF2-40B4-BE49-F238E27FC236}">
                  <a16:creationId xmlns:a16="http://schemas.microsoft.com/office/drawing/2014/main" id="{00000000-0008-0000-0100-000033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アーモンド</a:t>
              </a:r>
            </a:p>
          </xdr:txBody>
        </xdr:sp>
        <xdr:clientData/>
      </xdr:twoCellAnchor>
    </mc:Choice>
    <mc:Fallback/>
  </mc:AlternateContent>
</xdr:wsDr>
</file>

<file path=xl/theme/theme1.xml><?xml version="1.0" encoding="utf-8"?>
<a:theme xmlns:a="http://schemas.openxmlformats.org/drawingml/2006/main" name="ホワイト">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54" Type="http://schemas.openxmlformats.org/officeDocument/2006/relationships/ctrlProp" Target="../ctrlProps/ctrlProp5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8" Type="http://schemas.openxmlformats.org/officeDocument/2006/relationships/ctrlProp" Target="../ctrlProps/ctrlProp5.xml"/><Relationship Id="rId51" Type="http://schemas.openxmlformats.org/officeDocument/2006/relationships/ctrlProp" Target="../ctrlProps/ctrlProp48.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BG76"/>
  <sheetViews>
    <sheetView tabSelected="1" topLeftCell="B1" workbookViewId="0">
      <selection activeCell="C13" sqref="C13"/>
    </sheetView>
  </sheetViews>
  <sheetFormatPr defaultRowHeight="15" customHeight="1"/>
  <cols>
    <col min="1" max="1" width="2.08984375" style="3" hidden="1" customWidth="1"/>
    <col min="2" max="2" width="4.81640625" style="4" customWidth="1"/>
    <col min="3" max="3" width="4.36328125" style="4" customWidth="1"/>
    <col min="4" max="19" width="4.81640625" style="4" customWidth="1"/>
    <col min="20" max="20" width="5.453125" style="4" customWidth="1"/>
    <col min="21" max="29" width="4.81640625" style="4" customWidth="1"/>
    <col min="30" max="30" width="4.36328125" style="4" customWidth="1"/>
    <col min="31" max="31" width="2.08984375" style="3" customWidth="1"/>
    <col min="32" max="32" width="1.6328125" style="3" customWidth="1"/>
    <col min="33" max="59" width="4.81640625" style="4" customWidth="1"/>
    <col min="60" max="60" width="5.453125" style="3" customWidth="1"/>
    <col min="61" max="61" width="4.81640625" style="3" customWidth="1"/>
    <col min="62" max="256" width="9" style="3"/>
    <col min="257" max="257" width="0" style="3" hidden="1" customWidth="1"/>
    <col min="258" max="258" width="4.81640625" style="3" customWidth="1"/>
    <col min="259" max="259" width="4.36328125" style="3" customWidth="1"/>
    <col min="260" max="275" width="4.81640625" style="3" customWidth="1"/>
    <col min="276" max="276" width="5.453125" style="3" customWidth="1"/>
    <col min="277" max="285" width="4.81640625" style="3" customWidth="1"/>
    <col min="286" max="286" width="4.36328125" style="3" customWidth="1"/>
    <col min="287" max="287" width="2.08984375" style="3" customWidth="1"/>
    <col min="288" max="288" width="1.6328125" style="3" customWidth="1"/>
    <col min="289" max="315" width="4.81640625" style="3" customWidth="1"/>
    <col min="316" max="316" width="5.453125" style="3" customWidth="1"/>
    <col min="317" max="317" width="4.81640625" style="3" customWidth="1"/>
    <col min="318" max="512" width="9" style="3"/>
    <col min="513" max="513" width="0" style="3" hidden="1" customWidth="1"/>
    <col min="514" max="514" width="4.81640625" style="3" customWidth="1"/>
    <col min="515" max="515" width="4.36328125" style="3" customWidth="1"/>
    <col min="516" max="531" width="4.81640625" style="3" customWidth="1"/>
    <col min="532" max="532" width="5.453125" style="3" customWidth="1"/>
    <col min="533" max="541" width="4.81640625" style="3" customWidth="1"/>
    <col min="542" max="542" width="4.36328125" style="3" customWidth="1"/>
    <col min="543" max="543" width="2.08984375" style="3" customWidth="1"/>
    <col min="544" max="544" width="1.6328125" style="3" customWidth="1"/>
    <col min="545" max="571" width="4.81640625" style="3" customWidth="1"/>
    <col min="572" max="572" width="5.453125" style="3" customWidth="1"/>
    <col min="573" max="573" width="4.81640625" style="3" customWidth="1"/>
    <col min="574" max="768" width="9" style="3"/>
    <col min="769" max="769" width="0" style="3" hidden="1" customWidth="1"/>
    <col min="770" max="770" width="4.81640625" style="3" customWidth="1"/>
    <col min="771" max="771" width="4.36328125" style="3" customWidth="1"/>
    <col min="772" max="787" width="4.81640625" style="3" customWidth="1"/>
    <col min="788" max="788" width="5.453125" style="3" customWidth="1"/>
    <col min="789" max="797" width="4.81640625" style="3" customWidth="1"/>
    <col min="798" max="798" width="4.36328125" style="3" customWidth="1"/>
    <col min="799" max="799" width="2.08984375" style="3" customWidth="1"/>
    <col min="800" max="800" width="1.6328125" style="3" customWidth="1"/>
    <col min="801" max="827" width="4.81640625" style="3" customWidth="1"/>
    <col min="828" max="828" width="5.453125" style="3" customWidth="1"/>
    <col min="829" max="829" width="4.81640625" style="3" customWidth="1"/>
    <col min="830" max="1024" width="9" style="3"/>
    <col min="1025" max="1025" width="0" style="3" hidden="1" customWidth="1"/>
    <col min="1026" max="1026" width="4.81640625" style="3" customWidth="1"/>
    <col min="1027" max="1027" width="4.36328125" style="3" customWidth="1"/>
    <col min="1028" max="1043" width="4.81640625" style="3" customWidth="1"/>
    <col min="1044" max="1044" width="5.453125" style="3" customWidth="1"/>
    <col min="1045" max="1053" width="4.81640625" style="3" customWidth="1"/>
    <col min="1054" max="1054" width="4.36328125" style="3" customWidth="1"/>
    <col min="1055" max="1055" width="2.08984375" style="3" customWidth="1"/>
    <col min="1056" max="1056" width="1.6328125" style="3" customWidth="1"/>
    <col min="1057" max="1083" width="4.81640625" style="3" customWidth="1"/>
    <col min="1084" max="1084" width="5.453125" style="3" customWidth="1"/>
    <col min="1085" max="1085" width="4.81640625" style="3" customWidth="1"/>
    <col min="1086" max="1280" width="9" style="3"/>
    <col min="1281" max="1281" width="0" style="3" hidden="1" customWidth="1"/>
    <col min="1282" max="1282" width="4.81640625" style="3" customWidth="1"/>
    <col min="1283" max="1283" width="4.36328125" style="3" customWidth="1"/>
    <col min="1284" max="1299" width="4.81640625" style="3" customWidth="1"/>
    <col min="1300" max="1300" width="5.453125" style="3" customWidth="1"/>
    <col min="1301" max="1309" width="4.81640625" style="3" customWidth="1"/>
    <col min="1310" max="1310" width="4.36328125" style="3" customWidth="1"/>
    <col min="1311" max="1311" width="2.08984375" style="3" customWidth="1"/>
    <col min="1312" max="1312" width="1.6328125" style="3" customWidth="1"/>
    <col min="1313" max="1339" width="4.81640625" style="3" customWidth="1"/>
    <col min="1340" max="1340" width="5.453125" style="3" customWidth="1"/>
    <col min="1341" max="1341" width="4.81640625" style="3" customWidth="1"/>
    <col min="1342" max="1536" width="9" style="3"/>
    <col min="1537" max="1537" width="0" style="3" hidden="1" customWidth="1"/>
    <col min="1538" max="1538" width="4.81640625" style="3" customWidth="1"/>
    <col min="1539" max="1539" width="4.36328125" style="3" customWidth="1"/>
    <col min="1540" max="1555" width="4.81640625" style="3" customWidth="1"/>
    <col min="1556" max="1556" width="5.453125" style="3" customWidth="1"/>
    <col min="1557" max="1565" width="4.81640625" style="3" customWidth="1"/>
    <col min="1566" max="1566" width="4.36328125" style="3" customWidth="1"/>
    <col min="1567" max="1567" width="2.08984375" style="3" customWidth="1"/>
    <col min="1568" max="1568" width="1.6328125" style="3" customWidth="1"/>
    <col min="1569" max="1595" width="4.81640625" style="3" customWidth="1"/>
    <col min="1596" max="1596" width="5.453125" style="3" customWidth="1"/>
    <col min="1597" max="1597" width="4.81640625" style="3" customWidth="1"/>
    <col min="1598" max="1792" width="9" style="3"/>
    <col min="1793" max="1793" width="0" style="3" hidden="1" customWidth="1"/>
    <col min="1794" max="1794" width="4.81640625" style="3" customWidth="1"/>
    <col min="1795" max="1795" width="4.36328125" style="3" customWidth="1"/>
    <col min="1796" max="1811" width="4.81640625" style="3" customWidth="1"/>
    <col min="1812" max="1812" width="5.453125" style="3" customWidth="1"/>
    <col min="1813" max="1821" width="4.81640625" style="3" customWidth="1"/>
    <col min="1822" max="1822" width="4.36328125" style="3" customWidth="1"/>
    <col min="1823" max="1823" width="2.08984375" style="3" customWidth="1"/>
    <col min="1824" max="1824" width="1.6328125" style="3" customWidth="1"/>
    <col min="1825" max="1851" width="4.81640625" style="3" customWidth="1"/>
    <col min="1852" max="1852" width="5.453125" style="3" customWidth="1"/>
    <col min="1853" max="1853" width="4.81640625" style="3" customWidth="1"/>
    <col min="1854" max="2048" width="9" style="3"/>
    <col min="2049" max="2049" width="0" style="3" hidden="1" customWidth="1"/>
    <col min="2050" max="2050" width="4.81640625" style="3" customWidth="1"/>
    <col min="2051" max="2051" width="4.36328125" style="3" customWidth="1"/>
    <col min="2052" max="2067" width="4.81640625" style="3" customWidth="1"/>
    <col min="2068" max="2068" width="5.453125" style="3" customWidth="1"/>
    <col min="2069" max="2077" width="4.81640625" style="3" customWidth="1"/>
    <col min="2078" max="2078" width="4.36328125" style="3" customWidth="1"/>
    <col min="2079" max="2079" width="2.08984375" style="3" customWidth="1"/>
    <col min="2080" max="2080" width="1.6328125" style="3" customWidth="1"/>
    <col min="2081" max="2107" width="4.81640625" style="3" customWidth="1"/>
    <col min="2108" max="2108" width="5.453125" style="3" customWidth="1"/>
    <col min="2109" max="2109" width="4.81640625" style="3" customWidth="1"/>
    <col min="2110" max="2304" width="9" style="3"/>
    <col min="2305" max="2305" width="0" style="3" hidden="1" customWidth="1"/>
    <col min="2306" max="2306" width="4.81640625" style="3" customWidth="1"/>
    <col min="2307" max="2307" width="4.36328125" style="3" customWidth="1"/>
    <col min="2308" max="2323" width="4.81640625" style="3" customWidth="1"/>
    <col min="2324" max="2324" width="5.453125" style="3" customWidth="1"/>
    <col min="2325" max="2333" width="4.81640625" style="3" customWidth="1"/>
    <col min="2334" max="2334" width="4.36328125" style="3" customWidth="1"/>
    <col min="2335" max="2335" width="2.08984375" style="3" customWidth="1"/>
    <col min="2336" max="2336" width="1.6328125" style="3" customWidth="1"/>
    <col min="2337" max="2363" width="4.81640625" style="3" customWidth="1"/>
    <col min="2364" max="2364" width="5.453125" style="3" customWidth="1"/>
    <col min="2365" max="2365" width="4.81640625" style="3" customWidth="1"/>
    <col min="2366" max="2560" width="9" style="3"/>
    <col min="2561" max="2561" width="0" style="3" hidden="1" customWidth="1"/>
    <col min="2562" max="2562" width="4.81640625" style="3" customWidth="1"/>
    <col min="2563" max="2563" width="4.36328125" style="3" customWidth="1"/>
    <col min="2564" max="2579" width="4.81640625" style="3" customWidth="1"/>
    <col min="2580" max="2580" width="5.453125" style="3" customWidth="1"/>
    <col min="2581" max="2589" width="4.81640625" style="3" customWidth="1"/>
    <col min="2590" max="2590" width="4.36328125" style="3" customWidth="1"/>
    <col min="2591" max="2591" width="2.08984375" style="3" customWidth="1"/>
    <col min="2592" max="2592" width="1.6328125" style="3" customWidth="1"/>
    <col min="2593" max="2619" width="4.81640625" style="3" customWidth="1"/>
    <col min="2620" max="2620" width="5.453125" style="3" customWidth="1"/>
    <col min="2621" max="2621" width="4.81640625" style="3" customWidth="1"/>
    <col min="2622" max="2816" width="9" style="3"/>
    <col min="2817" max="2817" width="0" style="3" hidden="1" customWidth="1"/>
    <col min="2818" max="2818" width="4.81640625" style="3" customWidth="1"/>
    <col min="2819" max="2819" width="4.36328125" style="3" customWidth="1"/>
    <col min="2820" max="2835" width="4.81640625" style="3" customWidth="1"/>
    <col min="2836" max="2836" width="5.453125" style="3" customWidth="1"/>
    <col min="2837" max="2845" width="4.81640625" style="3" customWidth="1"/>
    <col min="2846" max="2846" width="4.36328125" style="3" customWidth="1"/>
    <col min="2847" max="2847" width="2.08984375" style="3" customWidth="1"/>
    <col min="2848" max="2848" width="1.6328125" style="3" customWidth="1"/>
    <col min="2849" max="2875" width="4.81640625" style="3" customWidth="1"/>
    <col min="2876" max="2876" width="5.453125" style="3" customWidth="1"/>
    <col min="2877" max="2877" width="4.81640625" style="3" customWidth="1"/>
    <col min="2878" max="3072" width="9" style="3"/>
    <col min="3073" max="3073" width="0" style="3" hidden="1" customWidth="1"/>
    <col min="3074" max="3074" width="4.81640625" style="3" customWidth="1"/>
    <col min="3075" max="3075" width="4.36328125" style="3" customWidth="1"/>
    <col min="3076" max="3091" width="4.81640625" style="3" customWidth="1"/>
    <col min="3092" max="3092" width="5.453125" style="3" customWidth="1"/>
    <col min="3093" max="3101" width="4.81640625" style="3" customWidth="1"/>
    <col min="3102" max="3102" width="4.36328125" style="3" customWidth="1"/>
    <col min="3103" max="3103" width="2.08984375" style="3" customWidth="1"/>
    <col min="3104" max="3104" width="1.6328125" style="3" customWidth="1"/>
    <col min="3105" max="3131" width="4.81640625" style="3" customWidth="1"/>
    <col min="3132" max="3132" width="5.453125" style="3" customWidth="1"/>
    <col min="3133" max="3133" width="4.81640625" style="3" customWidth="1"/>
    <col min="3134" max="3328" width="9" style="3"/>
    <col min="3329" max="3329" width="0" style="3" hidden="1" customWidth="1"/>
    <col min="3330" max="3330" width="4.81640625" style="3" customWidth="1"/>
    <col min="3331" max="3331" width="4.36328125" style="3" customWidth="1"/>
    <col min="3332" max="3347" width="4.81640625" style="3" customWidth="1"/>
    <col min="3348" max="3348" width="5.453125" style="3" customWidth="1"/>
    <col min="3349" max="3357" width="4.81640625" style="3" customWidth="1"/>
    <col min="3358" max="3358" width="4.36328125" style="3" customWidth="1"/>
    <col min="3359" max="3359" width="2.08984375" style="3" customWidth="1"/>
    <col min="3360" max="3360" width="1.6328125" style="3" customWidth="1"/>
    <col min="3361" max="3387" width="4.81640625" style="3" customWidth="1"/>
    <col min="3388" max="3388" width="5.453125" style="3" customWidth="1"/>
    <col min="3389" max="3389" width="4.81640625" style="3" customWidth="1"/>
    <col min="3390" max="3584" width="9" style="3"/>
    <col min="3585" max="3585" width="0" style="3" hidden="1" customWidth="1"/>
    <col min="3586" max="3586" width="4.81640625" style="3" customWidth="1"/>
    <col min="3587" max="3587" width="4.36328125" style="3" customWidth="1"/>
    <col min="3588" max="3603" width="4.81640625" style="3" customWidth="1"/>
    <col min="3604" max="3604" width="5.453125" style="3" customWidth="1"/>
    <col min="3605" max="3613" width="4.81640625" style="3" customWidth="1"/>
    <col min="3614" max="3614" width="4.36328125" style="3" customWidth="1"/>
    <col min="3615" max="3615" width="2.08984375" style="3" customWidth="1"/>
    <col min="3616" max="3616" width="1.6328125" style="3" customWidth="1"/>
    <col min="3617" max="3643" width="4.81640625" style="3" customWidth="1"/>
    <col min="3644" max="3644" width="5.453125" style="3" customWidth="1"/>
    <col min="3645" max="3645" width="4.81640625" style="3" customWidth="1"/>
    <col min="3646" max="3840" width="9" style="3"/>
    <col min="3841" max="3841" width="0" style="3" hidden="1" customWidth="1"/>
    <col min="3842" max="3842" width="4.81640625" style="3" customWidth="1"/>
    <col min="3843" max="3843" width="4.36328125" style="3" customWidth="1"/>
    <col min="3844" max="3859" width="4.81640625" style="3" customWidth="1"/>
    <col min="3860" max="3860" width="5.453125" style="3" customWidth="1"/>
    <col min="3861" max="3869" width="4.81640625" style="3" customWidth="1"/>
    <col min="3870" max="3870" width="4.36328125" style="3" customWidth="1"/>
    <col min="3871" max="3871" width="2.08984375" style="3" customWidth="1"/>
    <col min="3872" max="3872" width="1.6328125" style="3" customWidth="1"/>
    <col min="3873" max="3899" width="4.81640625" style="3" customWidth="1"/>
    <col min="3900" max="3900" width="5.453125" style="3" customWidth="1"/>
    <col min="3901" max="3901" width="4.81640625" style="3" customWidth="1"/>
    <col min="3902" max="4096" width="9" style="3"/>
    <col min="4097" max="4097" width="0" style="3" hidden="1" customWidth="1"/>
    <col min="4098" max="4098" width="4.81640625" style="3" customWidth="1"/>
    <col min="4099" max="4099" width="4.36328125" style="3" customWidth="1"/>
    <col min="4100" max="4115" width="4.81640625" style="3" customWidth="1"/>
    <col min="4116" max="4116" width="5.453125" style="3" customWidth="1"/>
    <col min="4117" max="4125" width="4.81640625" style="3" customWidth="1"/>
    <col min="4126" max="4126" width="4.36328125" style="3" customWidth="1"/>
    <col min="4127" max="4127" width="2.08984375" style="3" customWidth="1"/>
    <col min="4128" max="4128" width="1.6328125" style="3" customWidth="1"/>
    <col min="4129" max="4155" width="4.81640625" style="3" customWidth="1"/>
    <col min="4156" max="4156" width="5.453125" style="3" customWidth="1"/>
    <col min="4157" max="4157" width="4.81640625" style="3" customWidth="1"/>
    <col min="4158" max="4352" width="9" style="3"/>
    <col min="4353" max="4353" width="0" style="3" hidden="1" customWidth="1"/>
    <col min="4354" max="4354" width="4.81640625" style="3" customWidth="1"/>
    <col min="4355" max="4355" width="4.36328125" style="3" customWidth="1"/>
    <col min="4356" max="4371" width="4.81640625" style="3" customWidth="1"/>
    <col min="4372" max="4372" width="5.453125" style="3" customWidth="1"/>
    <col min="4373" max="4381" width="4.81640625" style="3" customWidth="1"/>
    <col min="4382" max="4382" width="4.36328125" style="3" customWidth="1"/>
    <col min="4383" max="4383" width="2.08984375" style="3" customWidth="1"/>
    <col min="4384" max="4384" width="1.6328125" style="3" customWidth="1"/>
    <col min="4385" max="4411" width="4.81640625" style="3" customWidth="1"/>
    <col min="4412" max="4412" width="5.453125" style="3" customWidth="1"/>
    <col min="4413" max="4413" width="4.81640625" style="3" customWidth="1"/>
    <col min="4414" max="4608" width="9" style="3"/>
    <col min="4609" max="4609" width="0" style="3" hidden="1" customWidth="1"/>
    <col min="4610" max="4610" width="4.81640625" style="3" customWidth="1"/>
    <col min="4611" max="4611" width="4.36328125" style="3" customWidth="1"/>
    <col min="4612" max="4627" width="4.81640625" style="3" customWidth="1"/>
    <col min="4628" max="4628" width="5.453125" style="3" customWidth="1"/>
    <col min="4629" max="4637" width="4.81640625" style="3" customWidth="1"/>
    <col min="4638" max="4638" width="4.36328125" style="3" customWidth="1"/>
    <col min="4639" max="4639" width="2.08984375" style="3" customWidth="1"/>
    <col min="4640" max="4640" width="1.6328125" style="3" customWidth="1"/>
    <col min="4641" max="4667" width="4.81640625" style="3" customWidth="1"/>
    <col min="4668" max="4668" width="5.453125" style="3" customWidth="1"/>
    <col min="4669" max="4669" width="4.81640625" style="3" customWidth="1"/>
    <col min="4670" max="4864" width="9" style="3"/>
    <col min="4865" max="4865" width="0" style="3" hidden="1" customWidth="1"/>
    <col min="4866" max="4866" width="4.81640625" style="3" customWidth="1"/>
    <col min="4867" max="4867" width="4.36328125" style="3" customWidth="1"/>
    <col min="4868" max="4883" width="4.81640625" style="3" customWidth="1"/>
    <col min="4884" max="4884" width="5.453125" style="3" customWidth="1"/>
    <col min="4885" max="4893" width="4.81640625" style="3" customWidth="1"/>
    <col min="4894" max="4894" width="4.36328125" style="3" customWidth="1"/>
    <col min="4895" max="4895" width="2.08984375" style="3" customWidth="1"/>
    <col min="4896" max="4896" width="1.6328125" style="3" customWidth="1"/>
    <col min="4897" max="4923" width="4.81640625" style="3" customWidth="1"/>
    <col min="4924" max="4924" width="5.453125" style="3" customWidth="1"/>
    <col min="4925" max="4925" width="4.81640625" style="3" customWidth="1"/>
    <col min="4926" max="5120" width="9" style="3"/>
    <col min="5121" max="5121" width="0" style="3" hidden="1" customWidth="1"/>
    <col min="5122" max="5122" width="4.81640625" style="3" customWidth="1"/>
    <col min="5123" max="5123" width="4.36328125" style="3" customWidth="1"/>
    <col min="5124" max="5139" width="4.81640625" style="3" customWidth="1"/>
    <col min="5140" max="5140" width="5.453125" style="3" customWidth="1"/>
    <col min="5141" max="5149" width="4.81640625" style="3" customWidth="1"/>
    <col min="5150" max="5150" width="4.36328125" style="3" customWidth="1"/>
    <col min="5151" max="5151" width="2.08984375" style="3" customWidth="1"/>
    <col min="5152" max="5152" width="1.6328125" style="3" customWidth="1"/>
    <col min="5153" max="5179" width="4.81640625" style="3" customWidth="1"/>
    <col min="5180" max="5180" width="5.453125" style="3" customWidth="1"/>
    <col min="5181" max="5181" width="4.81640625" style="3" customWidth="1"/>
    <col min="5182" max="5376" width="9" style="3"/>
    <col min="5377" max="5377" width="0" style="3" hidden="1" customWidth="1"/>
    <col min="5378" max="5378" width="4.81640625" style="3" customWidth="1"/>
    <col min="5379" max="5379" width="4.36328125" style="3" customWidth="1"/>
    <col min="5380" max="5395" width="4.81640625" style="3" customWidth="1"/>
    <col min="5396" max="5396" width="5.453125" style="3" customWidth="1"/>
    <col min="5397" max="5405" width="4.81640625" style="3" customWidth="1"/>
    <col min="5406" max="5406" width="4.36328125" style="3" customWidth="1"/>
    <col min="5407" max="5407" width="2.08984375" style="3" customWidth="1"/>
    <col min="5408" max="5408" width="1.6328125" style="3" customWidth="1"/>
    <col min="5409" max="5435" width="4.81640625" style="3" customWidth="1"/>
    <col min="5436" max="5436" width="5.453125" style="3" customWidth="1"/>
    <col min="5437" max="5437" width="4.81640625" style="3" customWidth="1"/>
    <col min="5438" max="5632" width="9" style="3"/>
    <col min="5633" max="5633" width="0" style="3" hidden="1" customWidth="1"/>
    <col min="5634" max="5634" width="4.81640625" style="3" customWidth="1"/>
    <col min="5635" max="5635" width="4.36328125" style="3" customWidth="1"/>
    <col min="5636" max="5651" width="4.81640625" style="3" customWidth="1"/>
    <col min="5652" max="5652" width="5.453125" style="3" customWidth="1"/>
    <col min="5653" max="5661" width="4.81640625" style="3" customWidth="1"/>
    <col min="5662" max="5662" width="4.36328125" style="3" customWidth="1"/>
    <col min="5663" max="5663" width="2.08984375" style="3" customWidth="1"/>
    <col min="5664" max="5664" width="1.6328125" style="3" customWidth="1"/>
    <col min="5665" max="5691" width="4.81640625" style="3" customWidth="1"/>
    <col min="5692" max="5692" width="5.453125" style="3" customWidth="1"/>
    <col min="5693" max="5693" width="4.81640625" style="3" customWidth="1"/>
    <col min="5694" max="5888" width="9" style="3"/>
    <col min="5889" max="5889" width="0" style="3" hidden="1" customWidth="1"/>
    <col min="5890" max="5890" width="4.81640625" style="3" customWidth="1"/>
    <col min="5891" max="5891" width="4.36328125" style="3" customWidth="1"/>
    <col min="5892" max="5907" width="4.81640625" style="3" customWidth="1"/>
    <col min="5908" max="5908" width="5.453125" style="3" customWidth="1"/>
    <col min="5909" max="5917" width="4.81640625" style="3" customWidth="1"/>
    <col min="5918" max="5918" width="4.36328125" style="3" customWidth="1"/>
    <col min="5919" max="5919" width="2.08984375" style="3" customWidth="1"/>
    <col min="5920" max="5920" width="1.6328125" style="3" customWidth="1"/>
    <col min="5921" max="5947" width="4.81640625" style="3" customWidth="1"/>
    <col min="5948" max="5948" width="5.453125" style="3" customWidth="1"/>
    <col min="5949" max="5949" width="4.81640625" style="3" customWidth="1"/>
    <col min="5950" max="6144" width="9" style="3"/>
    <col min="6145" max="6145" width="0" style="3" hidden="1" customWidth="1"/>
    <col min="6146" max="6146" width="4.81640625" style="3" customWidth="1"/>
    <col min="6147" max="6147" width="4.36328125" style="3" customWidth="1"/>
    <col min="6148" max="6163" width="4.81640625" style="3" customWidth="1"/>
    <col min="6164" max="6164" width="5.453125" style="3" customWidth="1"/>
    <col min="6165" max="6173" width="4.81640625" style="3" customWidth="1"/>
    <col min="6174" max="6174" width="4.36328125" style="3" customWidth="1"/>
    <col min="6175" max="6175" width="2.08984375" style="3" customWidth="1"/>
    <col min="6176" max="6176" width="1.6328125" style="3" customWidth="1"/>
    <col min="6177" max="6203" width="4.81640625" style="3" customWidth="1"/>
    <col min="6204" max="6204" width="5.453125" style="3" customWidth="1"/>
    <col min="6205" max="6205" width="4.81640625" style="3" customWidth="1"/>
    <col min="6206" max="6400" width="9" style="3"/>
    <col min="6401" max="6401" width="0" style="3" hidden="1" customWidth="1"/>
    <col min="6402" max="6402" width="4.81640625" style="3" customWidth="1"/>
    <col min="6403" max="6403" width="4.36328125" style="3" customWidth="1"/>
    <col min="6404" max="6419" width="4.81640625" style="3" customWidth="1"/>
    <col min="6420" max="6420" width="5.453125" style="3" customWidth="1"/>
    <col min="6421" max="6429" width="4.81640625" style="3" customWidth="1"/>
    <col min="6430" max="6430" width="4.36328125" style="3" customWidth="1"/>
    <col min="6431" max="6431" width="2.08984375" style="3" customWidth="1"/>
    <col min="6432" max="6432" width="1.6328125" style="3" customWidth="1"/>
    <col min="6433" max="6459" width="4.81640625" style="3" customWidth="1"/>
    <col min="6460" max="6460" width="5.453125" style="3" customWidth="1"/>
    <col min="6461" max="6461" width="4.81640625" style="3" customWidth="1"/>
    <col min="6462" max="6656" width="9" style="3"/>
    <col min="6657" max="6657" width="0" style="3" hidden="1" customWidth="1"/>
    <col min="6658" max="6658" width="4.81640625" style="3" customWidth="1"/>
    <col min="6659" max="6659" width="4.36328125" style="3" customWidth="1"/>
    <col min="6660" max="6675" width="4.81640625" style="3" customWidth="1"/>
    <col min="6676" max="6676" width="5.453125" style="3" customWidth="1"/>
    <col min="6677" max="6685" width="4.81640625" style="3" customWidth="1"/>
    <col min="6686" max="6686" width="4.36328125" style="3" customWidth="1"/>
    <col min="6687" max="6687" width="2.08984375" style="3" customWidth="1"/>
    <col min="6688" max="6688" width="1.6328125" style="3" customWidth="1"/>
    <col min="6689" max="6715" width="4.81640625" style="3" customWidth="1"/>
    <col min="6716" max="6716" width="5.453125" style="3" customWidth="1"/>
    <col min="6717" max="6717" width="4.81640625" style="3" customWidth="1"/>
    <col min="6718" max="6912" width="9" style="3"/>
    <col min="6913" max="6913" width="0" style="3" hidden="1" customWidth="1"/>
    <col min="6914" max="6914" width="4.81640625" style="3" customWidth="1"/>
    <col min="6915" max="6915" width="4.36328125" style="3" customWidth="1"/>
    <col min="6916" max="6931" width="4.81640625" style="3" customWidth="1"/>
    <col min="6932" max="6932" width="5.453125" style="3" customWidth="1"/>
    <col min="6933" max="6941" width="4.81640625" style="3" customWidth="1"/>
    <col min="6942" max="6942" width="4.36328125" style="3" customWidth="1"/>
    <col min="6943" max="6943" width="2.08984375" style="3" customWidth="1"/>
    <col min="6944" max="6944" width="1.6328125" style="3" customWidth="1"/>
    <col min="6945" max="6971" width="4.81640625" style="3" customWidth="1"/>
    <col min="6972" max="6972" width="5.453125" style="3" customWidth="1"/>
    <col min="6973" max="6973" width="4.81640625" style="3" customWidth="1"/>
    <col min="6974" max="7168" width="9" style="3"/>
    <col min="7169" max="7169" width="0" style="3" hidden="1" customWidth="1"/>
    <col min="7170" max="7170" width="4.81640625" style="3" customWidth="1"/>
    <col min="7171" max="7171" width="4.36328125" style="3" customWidth="1"/>
    <col min="7172" max="7187" width="4.81640625" style="3" customWidth="1"/>
    <col min="7188" max="7188" width="5.453125" style="3" customWidth="1"/>
    <col min="7189" max="7197" width="4.81640625" style="3" customWidth="1"/>
    <col min="7198" max="7198" width="4.36328125" style="3" customWidth="1"/>
    <col min="7199" max="7199" width="2.08984375" style="3" customWidth="1"/>
    <col min="7200" max="7200" width="1.6328125" style="3" customWidth="1"/>
    <col min="7201" max="7227" width="4.81640625" style="3" customWidth="1"/>
    <col min="7228" max="7228" width="5.453125" style="3" customWidth="1"/>
    <col min="7229" max="7229" width="4.81640625" style="3" customWidth="1"/>
    <col min="7230" max="7424" width="9" style="3"/>
    <col min="7425" max="7425" width="0" style="3" hidden="1" customWidth="1"/>
    <col min="7426" max="7426" width="4.81640625" style="3" customWidth="1"/>
    <col min="7427" max="7427" width="4.36328125" style="3" customWidth="1"/>
    <col min="7428" max="7443" width="4.81640625" style="3" customWidth="1"/>
    <col min="7444" max="7444" width="5.453125" style="3" customWidth="1"/>
    <col min="7445" max="7453" width="4.81640625" style="3" customWidth="1"/>
    <col min="7454" max="7454" width="4.36328125" style="3" customWidth="1"/>
    <col min="7455" max="7455" width="2.08984375" style="3" customWidth="1"/>
    <col min="7456" max="7456" width="1.6328125" style="3" customWidth="1"/>
    <col min="7457" max="7483" width="4.81640625" style="3" customWidth="1"/>
    <col min="7484" max="7484" width="5.453125" style="3" customWidth="1"/>
    <col min="7485" max="7485" width="4.81640625" style="3" customWidth="1"/>
    <col min="7486" max="7680" width="9" style="3"/>
    <col min="7681" max="7681" width="0" style="3" hidden="1" customWidth="1"/>
    <col min="7682" max="7682" width="4.81640625" style="3" customWidth="1"/>
    <col min="7683" max="7683" width="4.36328125" style="3" customWidth="1"/>
    <col min="7684" max="7699" width="4.81640625" style="3" customWidth="1"/>
    <col min="7700" max="7700" width="5.453125" style="3" customWidth="1"/>
    <col min="7701" max="7709" width="4.81640625" style="3" customWidth="1"/>
    <col min="7710" max="7710" width="4.36328125" style="3" customWidth="1"/>
    <col min="7711" max="7711" width="2.08984375" style="3" customWidth="1"/>
    <col min="7712" max="7712" width="1.6328125" style="3" customWidth="1"/>
    <col min="7713" max="7739" width="4.81640625" style="3" customWidth="1"/>
    <col min="7740" max="7740" width="5.453125" style="3" customWidth="1"/>
    <col min="7741" max="7741" width="4.81640625" style="3" customWidth="1"/>
    <col min="7742" max="7936" width="9" style="3"/>
    <col min="7937" max="7937" width="0" style="3" hidden="1" customWidth="1"/>
    <col min="7938" max="7938" width="4.81640625" style="3" customWidth="1"/>
    <col min="7939" max="7939" width="4.36328125" style="3" customWidth="1"/>
    <col min="7940" max="7955" width="4.81640625" style="3" customWidth="1"/>
    <col min="7956" max="7956" width="5.453125" style="3" customWidth="1"/>
    <col min="7957" max="7965" width="4.81640625" style="3" customWidth="1"/>
    <col min="7966" max="7966" width="4.36328125" style="3" customWidth="1"/>
    <col min="7967" max="7967" width="2.08984375" style="3" customWidth="1"/>
    <col min="7968" max="7968" width="1.6328125" style="3" customWidth="1"/>
    <col min="7969" max="7995" width="4.81640625" style="3" customWidth="1"/>
    <col min="7996" max="7996" width="5.453125" style="3" customWidth="1"/>
    <col min="7997" max="7997" width="4.81640625" style="3" customWidth="1"/>
    <col min="7998" max="8192" width="9" style="3"/>
    <col min="8193" max="8193" width="0" style="3" hidden="1" customWidth="1"/>
    <col min="8194" max="8194" width="4.81640625" style="3" customWidth="1"/>
    <col min="8195" max="8195" width="4.36328125" style="3" customWidth="1"/>
    <col min="8196" max="8211" width="4.81640625" style="3" customWidth="1"/>
    <col min="8212" max="8212" width="5.453125" style="3" customWidth="1"/>
    <col min="8213" max="8221" width="4.81640625" style="3" customWidth="1"/>
    <col min="8222" max="8222" width="4.36328125" style="3" customWidth="1"/>
    <col min="8223" max="8223" width="2.08984375" style="3" customWidth="1"/>
    <col min="8224" max="8224" width="1.6328125" style="3" customWidth="1"/>
    <col min="8225" max="8251" width="4.81640625" style="3" customWidth="1"/>
    <col min="8252" max="8252" width="5.453125" style="3" customWidth="1"/>
    <col min="8253" max="8253" width="4.81640625" style="3" customWidth="1"/>
    <col min="8254" max="8448" width="9" style="3"/>
    <col min="8449" max="8449" width="0" style="3" hidden="1" customWidth="1"/>
    <col min="8450" max="8450" width="4.81640625" style="3" customWidth="1"/>
    <col min="8451" max="8451" width="4.36328125" style="3" customWidth="1"/>
    <col min="8452" max="8467" width="4.81640625" style="3" customWidth="1"/>
    <col min="8468" max="8468" width="5.453125" style="3" customWidth="1"/>
    <col min="8469" max="8477" width="4.81640625" style="3" customWidth="1"/>
    <col min="8478" max="8478" width="4.36328125" style="3" customWidth="1"/>
    <col min="8479" max="8479" width="2.08984375" style="3" customWidth="1"/>
    <col min="8480" max="8480" width="1.6328125" style="3" customWidth="1"/>
    <col min="8481" max="8507" width="4.81640625" style="3" customWidth="1"/>
    <col min="8508" max="8508" width="5.453125" style="3" customWidth="1"/>
    <col min="8509" max="8509" width="4.81640625" style="3" customWidth="1"/>
    <col min="8510" max="8704" width="9" style="3"/>
    <col min="8705" max="8705" width="0" style="3" hidden="1" customWidth="1"/>
    <col min="8706" max="8706" width="4.81640625" style="3" customWidth="1"/>
    <col min="8707" max="8707" width="4.36328125" style="3" customWidth="1"/>
    <col min="8708" max="8723" width="4.81640625" style="3" customWidth="1"/>
    <col min="8724" max="8724" width="5.453125" style="3" customWidth="1"/>
    <col min="8725" max="8733" width="4.81640625" style="3" customWidth="1"/>
    <col min="8734" max="8734" width="4.36328125" style="3" customWidth="1"/>
    <col min="8735" max="8735" width="2.08984375" style="3" customWidth="1"/>
    <col min="8736" max="8736" width="1.6328125" style="3" customWidth="1"/>
    <col min="8737" max="8763" width="4.81640625" style="3" customWidth="1"/>
    <col min="8764" max="8764" width="5.453125" style="3" customWidth="1"/>
    <col min="8765" max="8765" width="4.81640625" style="3" customWidth="1"/>
    <col min="8766" max="8960" width="9" style="3"/>
    <col min="8961" max="8961" width="0" style="3" hidden="1" customWidth="1"/>
    <col min="8962" max="8962" width="4.81640625" style="3" customWidth="1"/>
    <col min="8963" max="8963" width="4.36328125" style="3" customWidth="1"/>
    <col min="8964" max="8979" width="4.81640625" style="3" customWidth="1"/>
    <col min="8980" max="8980" width="5.453125" style="3" customWidth="1"/>
    <col min="8981" max="8989" width="4.81640625" style="3" customWidth="1"/>
    <col min="8990" max="8990" width="4.36328125" style="3" customWidth="1"/>
    <col min="8991" max="8991" width="2.08984375" style="3" customWidth="1"/>
    <col min="8992" max="8992" width="1.6328125" style="3" customWidth="1"/>
    <col min="8993" max="9019" width="4.81640625" style="3" customWidth="1"/>
    <col min="9020" max="9020" width="5.453125" style="3" customWidth="1"/>
    <col min="9021" max="9021" width="4.81640625" style="3" customWidth="1"/>
    <col min="9022" max="9216" width="9" style="3"/>
    <col min="9217" max="9217" width="0" style="3" hidden="1" customWidth="1"/>
    <col min="9218" max="9218" width="4.81640625" style="3" customWidth="1"/>
    <col min="9219" max="9219" width="4.36328125" style="3" customWidth="1"/>
    <col min="9220" max="9235" width="4.81640625" style="3" customWidth="1"/>
    <col min="9236" max="9236" width="5.453125" style="3" customWidth="1"/>
    <col min="9237" max="9245" width="4.81640625" style="3" customWidth="1"/>
    <col min="9246" max="9246" width="4.36328125" style="3" customWidth="1"/>
    <col min="9247" max="9247" width="2.08984375" style="3" customWidth="1"/>
    <col min="9248" max="9248" width="1.6328125" style="3" customWidth="1"/>
    <col min="9249" max="9275" width="4.81640625" style="3" customWidth="1"/>
    <col min="9276" max="9276" width="5.453125" style="3" customWidth="1"/>
    <col min="9277" max="9277" width="4.81640625" style="3" customWidth="1"/>
    <col min="9278" max="9472" width="9" style="3"/>
    <col min="9473" max="9473" width="0" style="3" hidden="1" customWidth="1"/>
    <col min="9474" max="9474" width="4.81640625" style="3" customWidth="1"/>
    <col min="9475" max="9475" width="4.36328125" style="3" customWidth="1"/>
    <col min="9476" max="9491" width="4.81640625" style="3" customWidth="1"/>
    <col min="9492" max="9492" width="5.453125" style="3" customWidth="1"/>
    <col min="9493" max="9501" width="4.81640625" style="3" customWidth="1"/>
    <col min="9502" max="9502" width="4.36328125" style="3" customWidth="1"/>
    <col min="9503" max="9503" width="2.08984375" style="3" customWidth="1"/>
    <col min="9504" max="9504" width="1.6328125" style="3" customWidth="1"/>
    <col min="9505" max="9531" width="4.81640625" style="3" customWidth="1"/>
    <col min="9532" max="9532" width="5.453125" style="3" customWidth="1"/>
    <col min="9533" max="9533" width="4.81640625" style="3" customWidth="1"/>
    <col min="9534" max="9728" width="9" style="3"/>
    <col min="9729" max="9729" width="0" style="3" hidden="1" customWidth="1"/>
    <col min="9730" max="9730" width="4.81640625" style="3" customWidth="1"/>
    <col min="9731" max="9731" width="4.36328125" style="3" customWidth="1"/>
    <col min="9732" max="9747" width="4.81640625" style="3" customWidth="1"/>
    <col min="9748" max="9748" width="5.453125" style="3" customWidth="1"/>
    <col min="9749" max="9757" width="4.81640625" style="3" customWidth="1"/>
    <col min="9758" max="9758" width="4.36328125" style="3" customWidth="1"/>
    <col min="9759" max="9759" width="2.08984375" style="3" customWidth="1"/>
    <col min="9760" max="9760" width="1.6328125" style="3" customWidth="1"/>
    <col min="9761" max="9787" width="4.81640625" style="3" customWidth="1"/>
    <col min="9788" max="9788" width="5.453125" style="3" customWidth="1"/>
    <col min="9789" max="9789" width="4.81640625" style="3" customWidth="1"/>
    <col min="9790" max="9984" width="9" style="3"/>
    <col min="9985" max="9985" width="0" style="3" hidden="1" customWidth="1"/>
    <col min="9986" max="9986" width="4.81640625" style="3" customWidth="1"/>
    <col min="9987" max="9987" width="4.36328125" style="3" customWidth="1"/>
    <col min="9988" max="10003" width="4.81640625" style="3" customWidth="1"/>
    <col min="10004" max="10004" width="5.453125" style="3" customWidth="1"/>
    <col min="10005" max="10013" width="4.81640625" style="3" customWidth="1"/>
    <col min="10014" max="10014" width="4.36328125" style="3" customWidth="1"/>
    <col min="10015" max="10015" width="2.08984375" style="3" customWidth="1"/>
    <col min="10016" max="10016" width="1.6328125" style="3" customWidth="1"/>
    <col min="10017" max="10043" width="4.81640625" style="3" customWidth="1"/>
    <col min="10044" max="10044" width="5.453125" style="3" customWidth="1"/>
    <col min="10045" max="10045" width="4.81640625" style="3" customWidth="1"/>
    <col min="10046" max="10240" width="9" style="3"/>
    <col min="10241" max="10241" width="0" style="3" hidden="1" customWidth="1"/>
    <col min="10242" max="10242" width="4.81640625" style="3" customWidth="1"/>
    <col min="10243" max="10243" width="4.36328125" style="3" customWidth="1"/>
    <col min="10244" max="10259" width="4.81640625" style="3" customWidth="1"/>
    <col min="10260" max="10260" width="5.453125" style="3" customWidth="1"/>
    <col min="10261" max="10269" width="4.81640625" style="3" customWidth="1"/>
    <col min="10270" max="10270" width="4.36328125" style="3" customWidth="1"/>
    <col min="10271" max="10271" width="2.08984375" style="3" customWidth="1"/>
    <col min="10272" max="10272" width="1.6328125" style="3" customWidth="1"/>
    <col min="10273" max="10299" width="4.81640625" style="3" customWidth="1"/>
    <col min="10300" max="10300" width="5.453125" style="3" customWidth="1"/>
    <col min="10301" max="10301" width="4.81640625" style="3" customWidth="1"/>
    <col min="10302" max="10496" width="9" style="3"/>
    <col min="10497" max="10497" width="0" style="3" hidden="1" customWidth="1"/>
    <col min="10498" max="10498" width="4.81640625" style="3" customWidth="1"/>
    <col min="10499" max="10499" width="4.36328125" style="3" customWidth="1"/>
    <col min="10500" max="10515" width="4.81640625" style="3" customWidth="1"/>
    <col min="10516" max="10516" width="5.453125" style="3" customWidth="1"/>
    <col min="10517" max="10525" width="4.81640625" style="3" customWidth="1"/>
    <col min="10526" max="10526" width="4.36328125" style="3" customWidth="1"/>
    <col min="10527" max="10527" width="2.08984375" style="3" customWidth="1"/>
    <col min="10528" max="10528" width="1.6328125" style="3" customWidth="1"/>
    <col min="10529" max="10555" width="4.81640625" style="3" customWidth="1"/>
    <col min="10556" max="10556" width="5.453125" style="3" customWidth="1"/>
    <col min="10557" max="10557" width="4.81640625" style="3" customWidth="1"/>
    <col min="10558" max="10752" width="9" style="3"/>
    <col min="10753" max="10753" width="0" style="3" hidden="1" customWidth="1"/>
    <col min="10754" max="10754" width="4.81640625" style="3" customWidth="1"/>
    <col min="10755" max="10755" width="4.36328125" style="3" customWidth="1"/>
    <col min="10756" max="10771" width="4.81640625" style="3" customWidth="1"/>
    <col min="10772" max="10772" width="5.453125" style="3" customWidth="1"/>
    <col min="10773" max="10781" width="4.81640625" style="3" customWidth="1"/>
    <col min="10782" max="10782" width="4.36328125" style="3" customWidth="1"/>
    <col min="10783" max="10783" width="2.08984375" style="3" customWidth="1"/>
    <col min="10784" max="10784" width="1.6328125" style="3" customWidth="1"/>
    <col min="10785" max="10811" width="4.81640625" style="3" customWidth="1"/>
    <col min="10812" max="10812" width="5.453125" style="3" customWidth="1"/>
    <col min="10813" max="10813" width="4.81640625" style="3" customWidth="1"/>
    <col min="10814" max="11008" width="9" style="3"/>
    <col min="11009" max="11009" width="0" style="3" hidden="1" customWidth="1"/>
    <col min="11010" max="11010" width="4.81640625" style="3" customWidth="1"/>
    <col min="11011" max="11011" width="4.36328125" style="3" customWidth="1"/>
    <col min="11012" max="11027" width="4.81640625" style="3" customWidth="1"/>
    <col min="11028" max="11028" width="5.453125" style="3" customWidth="1"/>
    <col min="11029" max="11037" width="4.81640625" style="3" customWidth="1"/>
    <col min="11038" max="11038" width="4.36328125" style="3" customWidth="1"/>
    <col min="11039" max="11039" width="2.08984375" style="3" customWidth="1"/>
    <col min="11040" max="11040" width="1.6328125" style="3" customWidth="1"/>
    <col min="11041" max="11067" width="4.81640625" style="3" customWidth="1"/>
    <col min="11068" max="11068" width="5.453125" style="3" customWidth="1"/>
    <col min="11069" max="11069" width="4.81640625" style="3" customWidth="1"/>
    <col min="11070" max="11264" width="9" style="3"/>
    <col min="11265" max="11265" width="0" style="3" hidden="1" customWidth="1"/>
    <col min="11266" max="11266" width="4.81640625" style="3" customWidth="1"/>
    <col min="11267" max="11267" width="4.36328125" style="3" customWidth="1"/>
    <col min="11268" max="11283" width="4.81640625" style="3" customWidth="1"/>
    <col min="11284" max="11284" width="5.453125" style="3" customWidth="1"/>
    <col min="11285" max="11293" width="4.81640625" style="3" customWidth="1"/>
    <col min="11294" max="11294" width="4.36328125" style="3" customWidth="1"/>
    <col min="11295" max="11295" width="2.08984375" style="3" customWidth="1"/>
    <col min="11296" max="11296" width="1.6328125" style="3" customWidth="1"/>
    <col min="11297" max="11323" width="4.81640625" style="3" customWidth="1"/>
    <col min="11324" max="11324" width="5.453125" style="3" customWidth="1"/>
    <col min="11325" max="11325" width="4.81640625" style="3" customWidth="1"/>
    <col min="11326" max="11520" width="9" style="3"/>
    <col min="11521" max="11521" width="0" style="3" hidden="1" customWidth="1"/>
    <col min="11522" max="11522" width="4.81640625" style="3" customWidth="1"/>
    <col min="11523" max="11523" width="4.36328125" style="3" customWidth="1"/>
    <col min="11524" max="11539" width="4.81640625" style="3" customWidth="1"/>
    <col min="11540" max="11540" width="5.453125" style="3" customWidth="1"/>
    <col min="11541" max="11549" width="4.81640625" style="3" customWidth="1"/>
    <col min="11550" max="11550" width="4.36328125" style="3" customWidth="1"/>
    <col min="11551" max="11551" width="2.08984375" style="3" customWidth="1"/>
    <col min="11552" max="11552" width="1.6328125" style="3" customWidth="1"/>
    <col min="11553" max="11579" width="4.81640625" style="3" customWidth="1"/>
    <col min="11580" max="11580" width="5.453125" style="3" customWidth="1"/>
    <col min="11581" max="11581" width="4.81640625" style="3" customWidth="1"/>
    <col min="11582" max="11776" width="9" style="3"/>
    <col min="11777" max="11777" width="0" style="3" hidden="1" customWidth="1"/>
    <col min="11778" max="11778" width="4.81640625" style="3" customWidth="1"/>
    <col min="11779" max="11779" width="4.36328125" style="3" customWidth="1"/>
    <col min="11780" max="11795" width="4.81640625" style="3" customWidth="1"/>
    <col min="11796" max="11796" width="5.453125" style="3" customWidth="1"/>
    <col min="11797" max="11805" width="4.81640625" style="3" customWidth="1"/>
    <col min="11806" max="11806" width="4.36328125" style="3" customWidth="1"/>
    <col min="11807" max="11807" width="2.08984375" style="3" customWidth="1"/>
    <col min="11808" max="11808" width="1.6328125" style="3" customWidth="1"/>
    <col min="11809" max="11835" width="4.81640625" style="3" customWidth="1"/>
    <col min="11836" max="11836" width="5.453125" style="3" customWidth="1"/>
    <col min="11837" max="11837" width="4.81640625" style="3" customWidth="1"/>
    <col min="11838" max="12032" width="9" style="3"/>
    <col min="12033" max="12033" width="0" style="3" hidden="1" customWidth="1"/>
    <col min="12034" max="12034" width="4.81640625" style="3" customWidth="1"/>
    <col min="12035" max="12035" width="4.36328125" style="3" customWidth="1"/>
    <col min="12036" max="12051" width="4.81640625" style="3" customWidth="1"/>
    <col min="12052" max="12052" width="5.453125" style="3" customWidth="1"/>
    <col min="12053" max="12061" width="4.81640625" style="3" customWidth="1"/>
    <col min="12062" max="12062" width="4.36328125" style="3" customWidth="1"/>
    <col min="12063" max="12063" width="2.08984375" style="3" customWidth="1"/>
    <col min="12064" max="12064" width="1.6328125" style="3" customWidth="1"/>
    <col min="12065" max="12091" width="4.81640625" style="3" customWidth="1"/>
    <col min="12092" max="12092" width="5.453125" style="3" customWidth="1"/>
    <col min="12093" max="12093" width="4.81640625" style="3" customWidth="1"/>
    <col min="12094" max="12288" width="9" style="3"/>
    <col min="12289" max="12289" width="0" style="3" hidden="1" customWidth="1"/>
    <col min="12290" max="12290" width="4.81640625" style="3" customWidth="1"/>
    <col min="12291" max="12291" width="4.36328125" style="3" customWidth="1"/>
    <col min="12292" max="12307" width="4.81640625" style="3" customWidth="1"/>
    <col min="12308" max="12308" width="5.453125" style="3" customWidth="1"/>
    <col min="12309" max="12317" width="4.81640625" style="3" customWidth="1"/>
    <col min="12318" max="12318" width="4.36328125" style="3" customWidth="1"/>
    <col min="12319" max="12319" width="2.08984375" style="3" customWidth="1"/>
    <col min="12320" max="12320" width="1.6328125" style="3" customWidth="1"/>
    <col min="12321" max="12347" width="4.81640625" style="3" customWidth="1"/>
    <col min="12348" max="12348" width="5.453125" style="3" customWidth="1"/>
    <col min="12349" max="12349" width="4.81640625" style="3" customWidth="1"/>
    <col min="12350" max="12544" width="9" style="3"/>
    <col min="12545" max="12545" width="0" style="3" hidden="1" customWidth="1"/>
    <col min="12546" max="12546" width="4.81640625" style="3" customWidth="1"/>
    <col min="12547" max="12547" width="4.36328125" style="3" customWidth="1"/>
    <col min="12548" max="12563" width="4.81640625" style="3" customWidth="1"/>
    <col min="12564" max="12564" width="5.453125" style="3" customWidth="1"/>
    <col min="12565" max="12573" width="4.81640625" style="3" customWidth="1"/>
    <col min="12574" max="12574" width="4.36328125" style="3" customWidth="1"/>
    <col min="12575" max="12575" width="2.08984375" style="3" customWidth="1"/>
    <col min="12576" max="12576" width="1.6328125" style="3" customWidth="1"/>
    <col min="12577" max="12603" width="4.81640625" style="3" customWidth="1"/>
    <col min="12604" max="12604" width="5.453125" style="3" customWidth="1"/>
    <col min="12605" max="12605" width="4.81640625" style="3" customWidth="1"/>
    <col min="12606" max="12800" width="9" style="3"/>
    <col min="12801" max="12801" width="0" style="3" hidden="1" customWidth="1"/>
    <col min="12802" max="12802" width="4.81640625" style="3" customWidth="1"/>
    <col min="12803" max="12803" width="4.36328125" style="3" customWidth="1"/>
    <col min="12804" max="12819" width="4.81640625" style="3" customWidth="1"/>
    <col min="12820" max="12820" width="5.453125" style="3" customWidth="1"/>
    <col min="12821" max="12829" width="4.81640625" style="3" customWidth="1"/>
    <col min="12830" max="12830" width="4.36328125" style="3" customWidth="1"/>
    <col min="12831" max="12831" width="2.08984375" style="3" customWidth="1"/>
    <col min="12832" max="12832" width="1.6328125" style="3" customWidth="1"/>
    <col min="12833" max="12859" width="4.81640625" style="3" customWidth="1"/>
    <col min="12860" max="12860" width="5.453125" style="3" customWidth="1"/>
    <col min="12861" max="12861" width="4.81640625" style="3" customWidth="1"/>
    <col min="12862" max="13056" width="9" style="3"/>
    <col min="13057" max="13057" width="0" style="3" hidden="1" customWidth="1"/>
    <col min="13058" max="13058" width="4.81640625" style="3" customWidth="1"/>
    <col min="13059" max="13059" width="4.36328125" style="3" customWidth="1"/>
    <col min="13060" max="13075" width="4.81640625" style="3" customWidth="1"/>
    <col min="13076" max="13076" width="5.453125" style="3" customWidth="1"/>
    <col min="13077" max="13085" width="4.81640625" style="3" customWidth="1"/>
    <col min="13086" max="13086" width="4.36328125" style="3" customWidth="1"/>
    <col min="13087" max="13087" width="2.08984375" style="3" customWidth="1"/>
    <col min="13088" max="13088" width="1.6328125" style="3" customWidth="1"/>
    <col min="13089" max="13115" width="4.81640625" style="3" customWidth="1"/>
    <col min="13116" max="13116" width="5.453125" style="3" customWidth="1"/>
    <col min="13117" max="13117" width="4.81640625" style="3" customWidth="1"/>
    <col min="13118" max="13312" width="9" style="3"/>
    <col min="13313" max="13313" width="0" style="3" hidden="1" customWidth="1"/>
    <col min="13314" max="13314" width="4.81640625" style="3" customWidth="1"/>
    <col min="13315" max="13315" width="4.36328125" style="3" customWidth="1"/>
    <col min="13316" max="13331" width="4.81640625" style="3" customWidth="1"/>
    <col min="13332" max="13332" width="5.453125" style="3" customWidth="1"/>
    <col min="13333" max="13341" width="4.81640625" style="3" customWidth="1"/>
    <col min="13342" max="13342" width="4.36328125" style="3" customWidth="1"/>
    <col min="13343" max="13343" width="2.08984375" style="3" customWidth="1"/>
    <col min="13344" max="13344" width="1.6328125" style="3" customWidth="1"/>
    <col min="13345" max="13371" width="4.81640625" style="3" customWidth="1"/>
    <col min="13372" max="13372" width="5.453125" style="3" customWidth="1"/>
    <col min="13373" max="13373" width="4.81640625" style="3" customWidth="1"/>
    <col min="13374" max="13568" width="9" style="3"/>
    <col min="13569" max="13569" width="0" style="3" hidden="1" customWidth="1"/>
    <col min="13570" max="13570" width="4.81640625" style="3" customWidth="1"/>
    <col min="13571" max="13571" width="4.36328125" style="3" customWidth="1"/>
    <col min="13572" max="13587" width="4.81640625" style="3" customWidth="1"/>
    <col min="13588" max="13588" width="5.453125" style="3" customWidth="1"/>
    <col min="13589" max="13597" width="4.81640625" style="3" customWidth="1"/>
    <col min="13598" max="13598" width="4.36328125" style="3" customWidth="1"/>
    <col min="13599" max="13599" width="2.08984375" style="3" customWidth="1"/>
    <col min="13600" max="13600" width="1.6328125" style="3" customWidth="1"/>
    <col min="13601" max="13627" width="4.81640625" style="3" customWidth="1"/>
    <col min="13628" max="13628" width="5.453125" style="3" customWidth="1"/>
    <col min="13629" max="13629" width="4.81640625" style="3" customWidth="1"/>
    <col min="13630" max="13824" width="9" style="3"/>
    <col min="13825" max="13825" width="0" style="3" hidden="1" customWidth="1"/>
    <col min="13826" max="13826" width="4.81640625" style="3" customWidth="1"/>
    <col min="13827" max="13827" width="4.36328125" style="3" customWidth="1"/>
    <col min="13828" max="13843" width="4.81640625" style="3" customWidth="1"/>
    <col min="13844" max="13844" width="5.453125" style="3" customWidth="1"/>
    <col min="13845" max="13853" width="4.81640625" style="3" customWidth="1"/>
    <col min="13854" max="13854" width="4.36328125" style="3" customWidth="1"/>
    <col min="13855" max="13855" width="2.08984375" style="3" customWidth="1"/>
    <col min="13856" max="13856" width="1.6328125" style="3" customWidth="1"/>
    <col min="13857" max="13883" width="4.81640625" style="3" customWidth="1"/>
    <col min="13884" max="13884" width="5.453125" style="3" customWidth="1"/>
    <col min="13885" max="13885" width="4.81640625" style="3" customWidth="1"/>
    <col min="13886" max="14080" width="9" style="3"/>
    <col min="14081" max="14081" width="0" style="3" hidden="1" customWidth="1"/>
    <col min="14082" max="14082" width="4.81640625" style="3" customWidth="1"/>
    <col min="14083" max="14083" width="4.36328125" style="3" customWidth="1"/>
    <col min="14084" max="14099" width="4.81640625" style="3" customWidth="1"/>
    <col min="14100" max="14100" width="5.453125" style="3" customWidth="1"/>
    <col min="14101" max="14109" width="4.81640625" style="3" customWidth="1"/>
    <col min="14110" max="14110" width="4.36328125" style="3" customWidth="1"/>
    <col min="14111" max="14111" width="2.08984375" style="3" customWidth="1"/>
    <col min="14112" max="14112" width="1.6328125" style="3" customWidth="1"/>
    <col min="14113" max="14139" width="4.81640625" style="3" customWidth="1"/>
    <col min="14140" max="14140" width="5.453125" style="3" customWidth="1"/>
    <col min="14141" max="14141" width="4.81640625" style="3" customWidth="1"/>
    <col min="14142" max="14336" width="9" style="3"/>
    <col min="14337" max="14337" width="0" style="3" hidden="1" customWidth="1"/>
    <col min="14338" max="14338" width="4.81640625" style="3" customWidth="1"/>
    <col min="14339" max="14339" width="4.36328125" style="3" customWidth="1"/>
    <col min="14340" max="14355" width="4.81640625" style="3" customWidth="1"/>
    <col min="14356" max="14356" width="5.453125" style="3" customWidth="1"/>
    <col min="14357" max="14365" width="4.81640625" style="3" customWidth="1"/>
    <col min="14366" max="14366" width="4.36328125" style="3" customWidth="1"/>
    <col min="14367" max="14367" width="2.08984375" style="3" customWidth="1"/>
    <col min="14368" max="14368" width="1.6328125" style="3" customWidth="1"/>
    <col min="14369" max="14395" width="4.81640625" style="3" customWidth="1"/>
    <col min="14396" max="14396" width="5.453125" style="3" customWidth="1"/>
    <col min="14397" max="14397" width="4.81640625" style="3" customWidth="1"/>
    <col min="14398" max="14592" width="9" style="3"/>
    <col min="14593" max="14593" width="0" style="3" hidden="1" customWidth="1"/>
    <col min="14594" max="14594" width="4.81640625" style="3" customWidth="1"/>
    <col min="14595" max="14595" width="4.36328125" style="3" customWidth="1"/>
    <col min="14596" max="14611" width="4.81640625" style="3" customWidth="1"/>
    <col min="14612" max="14612" width="5.453125" style="3" customWidth="1"/>
    <col min="14613" max="14621" width="4.81640625" style="3" customWidth="1"/>
    <col min="14622" max="14622" width="4.36328125" style="3" customWidth="1"/>
    <col min="14623" max="14623" width="2.08984375" style="3" customWidth="1"/>
    <col min="14624" max="14624" width="1.6328125" style="3" customWidth="1"/>
    <col min="14625" max="14651" width="4.81640625" style="3" customWidth="1"/>
    <col min="14652" max="14652" width="5.453125" style="3" customWidth="1"/>
    <col min="14653" max="14653" width="4.81640625" style="3" customWidth="1"/>
    <col min="14654" max="14848" width="9" style="3"/>
    <col min="14849" max="14849" width="0" style="3" hidden="1" customWidth="1"/>
    <col min="14850" max="14850" width="4.81640625" style="3" customWidth="1"/>
    <col min="14851" max="14851" width="4.36328125" style="3" customWidth="1"/>
    <col min="14852" max="14867" width="4.81640625" style="3" customWidth="1"/>
    <col min="14868" max="14868" width="5.453125" style="3" customWidth="1"/>
    <col min="14869" max="14877" width="4.81640625" style="3" customWidth="1"/>
    <col min="14878" max="14878" width="4.36328125" style="3" customWidth="1"/>
    <col min="14879" max="14879" width="2.08984375" style="3" customWidth="1"/>
    <col min="14880" max="14880" width="1.6328125" style="3" customWidth="1"/>
    <col min="14881" max="14907" width="4.81640625" style="3" customWidth="1"/>
    <col min="14908" max="14908" width="5.453125" style="3" customWidth="1"/>
    <col min="14909" max="14909" width="4.81640625" style="3" customWidth="1"/>
    <col min="14910" max="15104" width="9" style="3"/>
    <col min="15105" max="15105" width="0" style="3" hidden="1" customWidth="1"/>
    <col min="15106" max="15106" width="4.81640625" style="3" customWidth="1"/>
    <col min="15107" max="15107" width="4.36328125" style="3" customWidth="1"/>
    <col min="15108" max="15123" width="4.81640625" style="3" customWidth="1"/>
    <col min="15124" max="15124" width="5.453125" style="3" customWidth="1"/>
    <col min="15125" max="15133" width="4.81640625" style="3" customWidth="1"/>
    <col min="15134" max="15134" width="4.36328125" style="3" customWidth="1"/>
    <col min="15135" max="15135" width="2.08984375" style="3" customWidth="1"/>
    <col min="15136" max="15136" width="1.6328125" style="3" customWidth="1"/>
    <col min="15137" max="15163" width="4.81640625" style="3" customWidth="1"/>
    <col min="15164" max="15164" width="5.453125" style="3" customWidth="1"/>
    <col min="15165" max="15165" width="4.81640625" style="3" customWidth="1"/>
    <col min="15166" max="15360" width="9" style="3"/>
    <col min="15361" max="15361" width="0" style="3" hidden="1" customWidth="1"/>
    <col min="15362" max="15362" width="4.81640625" style="3" customWidth="1"/>
    <col min="15363" max="15363" width="4.36328125" style="3" customWidth="1"/>
    <col min="15364" max="15379" width="4.81640625" style="3" customWidth="1"/>
    <col min="15380" max="15380" width="5.453125" style="3" customWidth="1"/>
    <col min="15381" max="15389" width="4.81640625" style="3" customWidth="1"/>
    <col min="15390" max="15390" width="4.36328125" style="3" customWidth="1"/>
    <col min="15391" max="15391" width="2.08984375" style="3" customWidth="1"/>
    <col min="15392" max="15392" width="1.6328125" style="3" customWidth="1"/>
    <col min="15393" max="15419" width="4.81640625" style="3" customWidth="1"/>
    <col min="15420" max="15420" width="5.453125" style="3" customWidth="1"/>
    <col min="15421" max="15421" width="4.81640625" style="3" customWidth="1"/>
    <col min="15422" max="15616" width="9" style="3"/>
    <col min="15617" max="15617" width="0" style="3" hidden="1" customWidth="1"/>
    <col min="15618" max="15618" width="4.81640625" style="3" customWidth="1"/>
    <col min="15619" max="15619" width="4.36328125" style="3" customWidth="1"/>
    <col min="15620" max="15635" width="4.81640625" style="3" customWidth="1"/>
    <col min="15636" max="15636" width="5.453125" style="3" customWidth="1"/>
    <col min="15637" max="15645" width="4.81640625" style="3" customWidth="1"/>
    <col min="15646" max="15646" width="4.36328125" style="3" customWidth="1"/>
    <col min="15647" max="15647" width="2.08984375" style="3" customWidth="1"/>
    <col min="15648" max="15648" width="1.6328125" style="3" customWidth="1"/>
    <col min="15649" max="15675" width="4.81640625" style="3" customWidth="1"/>
    <col min="15676" max="15676" width="5.453125" style="3" customWidth="1"/>
    <col min="15677" max="15677" width="4.81640625" style="3" customWidth="1"/>
    <col min="15678" max="15872" width="9" style="3"/>
    <col min="15873" max="15873" width="0" style="3" hidden="1" customWidth="1"/>
    <col min="15874" max="15874" width="4.81640625" style="3" customWidth="1"/>
    <col min="15875" max="15875" width="4.36328125" style="3" customWidth="1"/>
    <col min="15876" max="15891" width="4.81640625" style="3" customWidth="1"/>
    <col min="15892" max="15892" width="5.453125" style="3" customWidth="1"/>
    <col min="15893" max="15901" width="4.81640625" style="3" customWidth="1"/>
    <col min="15902" max="15902" width="4.36328125" style="3" customWidth="1"/>
    <col min="15903" max="15903" width="2.08984375" style="3" customWidth="1"/>
    <col min="15904" max="15904" width="1.6328125" style="3" customWidth="1"/>
    <col min="15905" max="15931" width="4.81640625" style="3" customWidth="1"/>
    <col min="15932" max="15932" width="5.453125" style="3" customWidth="1"/>
    <col min="15933" max="15933" width="4.81640625" style="3" customWidth="1"/>
    <col min="15934" max="16128" width="9" style="3"/>
    <col min="16129" max="16129" width="0" style="3" hidden="1" customWidth="1"/>
    <col min="16130" max="16130" width="4.81640625" style="3" customWidth="1"/>
    <col min="16131" max="16131" width="4.36328125" style="3" customWidth="1"/>
    <col min="16132" max="16147" width="4.81640625" style="3" customWidth="1"/>
    <col min="16148" max="16148" width="5.453125" style="3" customWidth="1"/>
    <col min="16149" max="16157" width="4.81640625" style="3" customWidth="1"/>
    <col min="16158" max="16158" width="4.36328125" style="3" customWidth="1"/>
    <col min="16159" max="16159" width="2.08984375" style="3" customWidth="1"/>
    <col min="16160" max="16160" width="1.6328125" style="3" customWidth="1"/>
    <col min="16161" max="16187" width="4.81640625" style="3" customWidth="1"/>
    <col min="16188" max="16188" width="5.453125" style="3" customWidth="1"/>
    <col min="16189" max="16189" width="4.81640625" style="3" customWidth="1"/>
    <col min="16190" max="16384" width="9" style="3"/>
  </cols>
  <sheetData>
    <row r="1" spans="1:59" ht="15" customHeight="1">
      <c r="Y1" s="426"/>
      <c r="Z1" s="427"/>
      <c r="AA1" s="427"/>
      <c r="AB1" s="427"/>
      <c r="AC1" s="428"/>
      <c r="BC1" s="426"/>
      <c r="BD1" s="427"/>
      <c r="BE1" s="427"/>
      <c r="BF1" s="427"/>
      <c r="BG1" s="428"/>
    </row>
    <row r="2" spans="1:59" ht="15" customHeight="1" thickBot="1">
      <c r="Y2" s="429"/>
      <c r="Z2" s="430"/>
      <c r="AA2" s="430"/>
      <c r="AB2" s="430"/>
      <c r="AC2" s="431"/>
      <c r="BC2" s="429"/>
      <c r="BD2" s="430"/>
      <c r="BE2" s="430"/>
      <c r="BF2" s="430"/>
      <c r="BG2" s="431"/>
    </row>
    <row r="3" spans="1:59" ht="15" customHeight="1">
      <c r="D3" s="432" t="s">
        <v>148</v>
      </c>
      <c r="E3" s="432"/>
      <c r="F3" s="432"/>
      <c r="G3" s="432"/>
      <c r="H3" s="432"/>
      <c r="I3" s="432"/>
      <c r="J3" s="432"/>
      <c r="K3" s="432"/>
      <c r="L3" s="432"/>
      <c r="M3" s="432"/>
      <c r="N3" s="432"/>
      <c r="O3" s="432"/>
      <c r="P3" s="432"/>
      <c r="Q3" s="432"/>
      <c r="R3" s="433"/>
      <c r="S3" s="438" t="s">
        <v>149</v>
      </c>
      <c r="T3" s="441"/>
      <c r="U3" s="441"/>
      <c r="V3" s="441"/>
      <c r="W3" s="443" t="s">
        <v>150</v>
      </c>
      <c r="X3" s="5"/>
      <c r="Y3" s="5"/>
      <c r="Z3" s="5"/>
      <c r="AA3" s="5"/>
      <c r="AB3" s="6"/>
      <c r="AC3" s="6"/>
      <c r="AD3" s="7"/>
      <c r="AG3" s="173" t="s">
        <v>151</v>
      </c>
      <c r="AH3" s="173"/>
      <c r="AI3" s="173"/>
      <c r="AJ3" s="173"/>
      <c r="AK3" s="173"/>
      <c r="AL3" s="173"/>
      <c r="AM3" s="173"/>
      <c r="AN3" s="173"/>
      <c r="AO3" s="173"/>
      <c r="AP3" s="173"/>
      <c r="AQ3" s="173"/>
      <c r="AR3" s="173"/>
      <c r="AS3" s="173"/>
      <c r="AT3" s="173"/>
      <c r="AU3" s="173"/>
      <c r="AV3" s="173"/>
      <c r="AW3" s="173"/>
      <c r="AX3" s="173"/>
      <c r="AY3" s="173"/>
      <c r="AZ3" s="173"/>
      <c r="BA3" s="173"/>
      <c r="BB3" s="173"/>
      <c r="BC3" s="173"/>
      <c r="BD3" s="8"/>
      <c r="BE3" s="8"/>
      <c r="BF3" s="8"/>
      <c r="BG3" s="8"/>
    </row>
    <row r="4" spans="1:59" ht="15" customHeight="1" thickBot="1">
      <c r="D4" s="434"/>
      <c r="E4" s="434"/>
      <c r="F4" s="434"/>
      <c r="G4" s="434"/>
      <c r="H4" s="434"/>
      <c r="I4" s="434"/>
      <c r="J4" s="434"/>
      <c r="K4" s="434"/>
      <c r="L4" s="434"/>
      <c r="M4" s="434"/>
      <c r="N4" s="434"/>
      <c r="O4" s="434"/>
      <c r="P4" s="434"/>
      <c r="Q4" s="434"/>
      <c r="R4" s="435"/>
      <c r="S4" s="439"/>
      <c r="T4" s="442"/>
      <c r="U4" s="442"/>
      <c r="V4" s="442"/>
      <c r="W4" s="444"/>
      <c r="X4" s="5"/>
      <c r="Y4" s="5"/>
      <c r="Z4" s="5"/>
      <c r="AA4" s="5"/>
      <c r="AB4" s="6"/>
      <c r="AC4" s="6"/>
      <c r="AD4" s="7"/>
      <c r="AG4" s="174"/>
      <c r="AH4" s="174"/>
      <c r="AI4" s="174"/>
      <c r="AJ4" s="174"/>
      <c r="AK4" s="174"/>
      <c r="AL4" s="173"/>
      <c r="AM4" s="173"/>
      <c r="AN4" s="173"/>
      <c r="AO4" s="173"/>
      <c r="AP4" s="173"/>
      <c r="AQ4" s="173"/>
      <c r="AR4" s="173"/>
      <c r="AS4" s="173"/>
      <c r="AT4" s="173"/>
      <c r="AU4" s="173"/>
      <c r="AV4" s="173"/>
      <c r="AW4" s="173"/>
      <c r="AX4" s="173"/>
      <c r="AY4" s="173"/>
      <c r="AZ4" s="173"/>
      <c r="BA4" s="173"/>
      <c r="BB4" s="173"/>
      <c r="BC4" s="173"/>
      <c r="BD4" s="8"/>
      <c r="BE4" s="8"/>
      <c r="BF4" s="8"/>
      <c r="BG4" s="8"/>
    </row>
    <row r="5" spans="1:59" ht="15" customHeight="1">
      <c r="D5" s="434"/>
      <c r="E5" s="434"/>
      <c r="F5" s="434"/>
      <c r="G5" s="434"/>
      <c r="H5" s="434"/>
      <c r="I5" s="434"/>
      <c r="J5" s="434"/>
      <c r="K5" s="434"/>
      <c r="L5" s="434"/>
      <c r="M5" s="434"/>
      <c r="N5" s="434"/>
      <c r="O5" s="434"/>
      <c r="P5" s="434"/>
      <c r="Q5" s="434"/>
      <c r="R5" s="435"/>
      <c r="S5" s="439"/>
      <c r="T5" s="442"/>
      <c r="U5" s="446" t="s">
        <v>152</v>
      </c>
      <c r="V5" s="442"/>
      <c r="W5" s="444" t="s">
        <v>153</v>
      </c>
      <c r="X5" s="5"/>
      <c r="Y5" s="5"/>
      <c r="Z5" s="5"/>
      <c r="AA5" s="5"/>
      <c r="AB5" s="6"/>
      <c r="AC5" s="6"/>
      <c r="AD5" s="7"/>
      <c r="AG5" s="175" t="s">
        <v>154</v>
      </c>
      <c r="AH5" s="176"/>
      <c r="AI5" s="176"/>
      <c r="AJ5" s="176"/>
      <c r="AK5" s="177"/>
      <c r="AL5" s="449"/>
      <c r="AM5" s="450"/>
      <c r="AN5" s="450"/>
      <c r="AO5" s="450"/>
      <c r="AP5" s="450"/>
      <c r="AQ5" s="450"/>
      <c r="AR5" s="450"/>
      <c r="AS5" s="450"/>
      <c r="AT5" s="450"/>
      <c r="AU5" s="450"/>
      <c r="AV5" s="450"/>
      <c r="AW5" s="450"/>
      <c r="AX5" s="450"/>
      <c r="AY5" s="450"/>
      <c r="AZ5" s="450"/>
      <c r="BA5" s="450"/>
      <c r="BB5" s="450"/>
      <c r="BC5" s="450"/>
      <c r="BD5" s="450"/>
      <c r="BE5" s="450"/>
      <c r="BF5" s="450"/>
      <c r="BG5" s="451"/>
    </row>
    <row r="6" spans="1:59" ht="15" customHeight="1" thickBot="1">
      <c r="D6" s="436"/>
      <c r="E6" s="436"/>
      <c r="F6" s="436"/>
      <c r="G6" s="436"/>
      <c r="H6" s="436"/>
      <c r="I6" s="436"/>
      <c r="J6" s="436"/>
      <c r="K6" s="436"/>
      <c r="L6" s="436"/>
      <c r="M6" s="436"/>
      <c r="N6" s="436"/>
      <c r="O6" s="436"/>
      <c r="P6" s="436"/>
      <c r="Q6" s="436"/>
      <c r="R6" s="437"/>
      <c r="S6" s="440"/>
      <c r="T6" s="445"/>
      <c r="U6" s="447"/>
      <c r="V6" s="445"/>
      <c r="W6" s="448"/>
      <c r="X6" s="5"/>
      <c r="Y6" s="5"/>
      <c r="Z6" s="5"/>
      <c r="AA6" s="5"/>
      <c r="AB6" s="6"/>
      <c r="AC6" s="6"/>
      <c r="AD6" s="7"/>
      <c r="AG6" s="60"/>
      <c r="AH6" s="61"/>
      <c r="AI6" s="61"/>
      <c r="AJ6" s="61"/>
      <c r="AK6" s="62"/>
      <c r="AL6" s="452"/>
      <c r="AM6" s="453"/>
      <c r="AN6" s="453"/>
      <c r="AO6" s="453"/>
      <c r="AP6" s="453"/>
      <c r="AQ6" s="453"/>
      <c r="AR6" s="453"/>
      <c r="AS6" s="453"/>
      <c r="AT6" s="453"/>
      <c r="AU6" s="453"/>
      <c r="AV6" s="453"/>
      <c r="AW6" s="453"/>
      <c r="AX6" s="453"/>
      <c r="AY6" s="453"/>
      <c r="AZ6" s="453"/>
      <c r="BA6" s="453"/>
      <c r="BB6" s="453"/>
      <c r="BC6" s="453"/>
      <c r="BD6" s="453"/>
      <c r="BE6" s="453"/>
      <c r="BF6" s="453"/>
      <c r="BG6" s="454"/>
    </row>
    <row r="7" spans="1:59" ht="15" customHeight="1">
      <c r="D7" s="455"/>
      <c r="E7" s="455"/>
      <c r="F7" s="455"/>
      <c r="G7" s="455"/>
      <c r="H7" s="455"/>
      <c r="I7" s="455"/>
      <c r="J7" s="455"/>
      <c r="K7" s="455"/>
      <c r="L7" s="455"/>
      <c r="M7" s="455"/>
      <c r="N7" s="455"/>
      <c r="O7" s="455"/>
      <c r="P7" s="455"/>
      <c r="Q7" s="455"/>
      <c r="R7" s="455"/>
      <c r="S7" s="455"/>
      <c r="T7" s="455"/>
      <c r="U7" s="455"/>
      <c r="V7" s="455"/>
      <c r="W7" s="456"/>
      <c r="X7" s="9"/>
      <c r="Y7" s="457" t="s">
        <v>155</v>
      </c>
      <c r="Z7" s="457"/>
      <c r="AA7" s="457"/>
      <c r="AB7" s="457"/>
      <c r="AC7" s="457"/>
      <c r="AD7" s="9"/>
      <c r="AG7" s="178"/>
      <c r="AH7" s="76"/>
      <c r="AI7" s="76"/>
      <c r="AJ7" s="76"/>
      <c r="AK7" s="77"/>
      <c r="AL7" s="452"/>
      <c r="AM7" s="453"/>
      <c r="AN7" s="453"/>
      <c r="AO7" s="453"/>
      <c r="AP7" s="453"/>
      <c r="AQ7" s="453"/>
      <c r="AR7" s="453"/>
      <c r="AS7" s="453"/>
      <c r="AT7" s="453"/>
      <c r="AU7" s="453"/>
      <c r="AV7" s="453"/>
      <c r="AW7" s="453"/>
      <c r="AX7" s="453"/>
      <c r="AY7" s="453"/>
      <c r="AZ7" s="453"/>
      <c r="BA7" s="453"/>
      <c r="BB7" s="453"/>
      <c r="BC7" s="453"/>
      <c r="BD7" s="453"/>
      <c r="BE7" s="453"/>
      <c r="BF7" s="453"/>
      <c r="BG7" s="454"/>
    </row>
    <row r="8" spans="1:59" ht="15" customHeight="1">
      <c r="D8" s="136" t="s">
        <v>156</v>
      </c>
      <c r="E8" s="136"/>
      <c r="F8" s="136"/>
      <c r="G8" s="136"/>
      <c r="H8" s="136"/>
      <c r="I8" s="136"/>
      <c r="J8" s="136"/>
      <c r="K8" s="136"/>
      <c r="L8" s="136"/>
      <c r="M8" s="136"/>
      <c r="N8" s="136"/>
      <c r="O8" s="136"/>
      <c r="P8" s="136"/>
      <c r="Q8" s="136"/>
      <c r="R8" s="136"/>
      <c r="S8" s="136"/>
      <c r="T8" s="136"/>
      <c r="U8" s="136"/>
      <c r="V8" s="136"/>
      <c r="W8" s="136"/>
      <c r="X8" s="136"/>
      <c r="Y8" s="136"/>
      <c r="Z8" s="136"/>
      <c r="AA8" s="136"/>
      <c r="AB8" s="136"/>
      <c r="AC8" s="10"/>
      <c r="AD8" s="10"/>
      <c r="AG8" s="57" t="s">
        <v>157</v>
      </c>
      <c r="AH8" s="58"/>
      <c r="AI8" s="58"/>
      <c r="AJ8" s="58"/>
      <c r="AK8" s="59"/>
      <c r="AL8" s="252"/>
      <c r="AM8" s="253"/>
      <c r="AN8" s="253"/>
      <c r="AO8" s="253"/>
      <c r="AP8" s="253"/>
      <c r="AQ8" s="253"/>
      <c r="AR8" s="253"/>
      <c r="AS8" s="254"/>
      <c r="AT8" s="375" t="s">
        <v>158</v>
      </c>
      <c r="AU8" s="70"/>
      <c r="AV8" s="70"/>
      <c r="AW8" s="70"/>
      <c r="AX8" s="71"/>
      <c r="AY8" s="197"/>
      <c r="AZ8" s="198"/>
      <c r="BA8" s="198"/>
      <c r="BB8" s="198"/>
      <c r="BC8" s="198"/>
      <c r="BD8" s="198"/>
      <c r="BE8" s="198"/>
      <c r="BF8" s="198"/>
      <c r="BG8" s="199"/>
    </row>
    <row r="9" spans="1:59" ht="15" customHeight="1" thickBot="1">
      <c r="D9" s="136"/>
      <c r="E9" s="136"/>
      <c r="F9" s="136"/>
      <c r="G9" s="136"/>
      <c r="H9" s="136"/>
      <c r="I9" s="136"/>
      <c r="J9" s="136"/>
      <c r="K9" s="136"/>
      <c r="L9" s="136"/>
      <c r="M9" s="136"/>
      <c r="N9" s="136"/>
      <c r="O9" s="136"/>
      <c r="P9" s="136"/>
      <c r="Q9" s="136"/>
      <c r="R9" s="136"/>
      <c r="S9" s="136"/>
      <c r="T9" s="136"/>
      <c r="U9" s="136"/>
      <c r="V9" s="136"/>
      <c r="W9" s="136"/>
      <c r="X9" s="136"/>
      <c r="Y9" s="136"/>
      <c r="Z9" s="136"/>
      <c r="AA9" s="136"/>
      <c r="AB9" s="136"/>
      <c r="AC9" s="10"/>
      <c r="AD9" s="10"/>
      <c r="AG9" s="178"/>
      <c r="AH9" s="76"/>
      <c r="AI9" s="76"/>
      <c r="AJ9" s="76"/>
      <c r="AK9" s="77"/>
      <c r="AL9" s="255"/>
      <c r="AM9" s="256"/>
      <c r="AN9" s="256"/>
      <c r="AO9" s="256"/>
      <c r="AP9" s="256"/>
      <c r="AQ9" s="256"/>
      <c r="AR9" s="256"/>
      <c r="AS9" s="257"/>
      <c r="AT9" s="75"/>
      <c r="AU9" s="76"/>
      <c r="AV9" s="76"/>
      <c r="AW9" s="76"/>
      <c r="AX9" s="77"/>
      <c r="AY9" s="197"/>
      <c r="AZ9" s="198"/>
      <c r="BA9" s="198"/>
      <c r="BB9" s="198"/>
      <c r="BC9" s="198"/>
      <c r="BD9" s="198"/>
      <c r="BE9" s="198"/>
      <c r="BF9" s="198"/>
      <c r="BG9" s="199"/>
    </row>
    <row r="10" spans="1:59" ht="15" customHeight="1">
      <c r="A10" s="3">
        <v>1</v>
      </c>
      <c r="D10" s="376" t="s">
        <v>159</v>
      </c>
      <c r="E10" s="377"/>
      <c r="F10" s="377"/>
      <c r="G10" s="377"/>
      <c r="H10" s="378"/>
      <c r="I10" s="380"/>
      <c r="J10" s="381"/>
      <c r="K10" s="381"/>
      <c r="L10" s="381"/>
      <c r="M10" s="381"/>
      <c r="N10" s="381"/>
      <c r="O10" s="381"/>
      <c r="P10" s="381"/>
      <c r="Q10" s="381"/>
      <c r="R10" s="381"/>
      <c r="S10" s="381"/>
      <c r="T10" s="381"/>
      <c r="U10" s="381"/>
      <c r="V10" s="381"/>
      <c r="W10" s="381"/>
      <c r="X10" s="381"/>
      <c r="Y10" s="381"/>
      <c r="Z10" s="381"/>
      <c r="AA10" s="381"/>
      <c r="AB10" s="381"/>
      <c r="AC10" s="382"/>
      <c r="AD10" s="11"/>
      <c r="AG10" s="57" t="s">
        <v>160</v>
      </c>
      <c r="AH10" s="58"/>
      <c r="AI10" s="58"/>
      <c r="AJ10" s="58"/>
      <c r="AK10" s="59"/>
      <c r="AL10" s="389"/>
      <c r="AM10" s="390"/>
      <c r="AN10" s="390"/>
      <c r="AO10" s="390"/>
      <c r="AP10" s="390"/>
      <c r="AQ10" s="390"/>
      <c r="AR10" s="390"/>
      <c r="AS10" s="390"/>
      <c r="AT10" s="390"/>
      <c r="AU10" s="390"/>
      <c r="AV10" s="390"/>
      <c r="AW10" s="390"/>
      <c r="AX10" s="391"/>
      <c r="AY10" s="395" t="s">
        <v>161</v>
      </c>
      <c r="AZ10" s="396"/>
      <c r="BA10" s="396"/>
      <c r="BB10" s="396"/>
      <c r="BC10" s="396"/>
      <c r="BD10" s="396"/>
      <c r="BE10" s="396"/>
      <c r="BF10" s="396"/>
      <c r="BG10" s="397"/>
    </row>
    <row r="11" spans="1:59" ht="15" customHeight="1">
      <c r="D11" s="379"/>
      <c r="E11" s="73"/>
      <c r="F11" s="73"/>
      <c r="G11" s="73"/>
      <c r="H11" s="74"/>
      <c r="I11" s="383"/>
      <c r="J11" s="384"/>
      <c r="K11" s="384"/>
      <c r="L11" s="384"/>
      <c r="M11" s="384"/>
      <c r="N11" s="384"/>
      <c r="O11" s="384"/>
      <c r="P11" s="384"/>
      <c r="Q11" s="384"/>
      <c r="R11" s="384"/>
      <c r="S11" s="384"/>
      <c r="T11" s="384"/>
      <c r="U11" s="384"/>
      <c r="V11" s="384"/>
      <c r="W11" s="384"/>
      <c r="X11" s="384"/>
      <c r="Y11" s="384"/>
      <c r="Z11" s="384"/>
      <c r="AA11" s="384"/>
      <c r="AB11" s="384"/>
      <c r="AC11" s="385"/>
      <c r="AD11" s="11"/>
      <c r="AG11" s="178"/>
      <c r="AH11" s="76"/>
      <c r="AI11" s="76"/>
      <c r="AJ11" s="76"/>
      <c r="AK11" s="77"/>
      <c r="AL11" s="392"/>
      <c r="AM11" s="393"/>
      <c r="AN11" s="393"/>
      <c r="AO11" s="393"/>
      <c r="AP11" s="393"/>
      <c r="AQ11" s="393"/>
      <c r="AR11" s="393"/>
      <c r="AS11" s="393"/>
      <c r="AT11" s="393"/>
      <c r="AU11" s="393"/>
      <c r="AV11" s="393"/>
      <c r="AW11" s="393"/>
      <c r="AX11" s="394"/>
      <c r="AY11" s="395"/>
      <c r="AZ11" s="396"/>
      <c r="BA11" s="396"/>
      <c r="BB11" s="396"/>
      <c r="BC11" s="396"/>
      <c r="BD11" s="396"/>
      <c r="BE11" s="396"/>
      <c r="BF11" s="396"/>
      <c r="BG11" s="397"/>
    </row>
    <row r="12" spans="1:59" ht="15" customHeight="1">
      <c r="D12" s="178"/>
      <c r="E12" s="76"/>
      <c r="F12" s="76"/>
      <c r="G12" s="76"/>
      <c r="H12" s="77"/>
      <c r="I12" s="386"/>
      <c r="J12" s="387"/>
      <c r="K12" s="387"/>
      <c r="L12" s="387"/>
      <c r="M12" s="387"/>
      <c r="N12" s="387"/>
      <c r="O12" s="387"/>
      <c r="P12" s="387"/>
      <c r="Q12" s="387"/>
      <c r="R12" s="387"/>
      <c r="S12" s="387"/>
      <c r="T12" s="387"/>
      <c r="U12" s="387"/>
      <c r="V12" s="387"/>
      <c r="W12" s="387"/>
      <c r="X12" s="387"/>
      <c r="Y12" s="387"/>
      <c r="Z12" s="387"/>
      <c r="AA12" s="387"/>
      <c r="AB12" s="387"/>
      <c r="AC12" s="388"/>
      <c r="AD12" s="11"/>
      <c r="AG12" s="57" t="s">
        <v>162</v>
      </c>
      <c r="AH12" s="58"/>
      <c r="AI12" s="58"/>
      <c r="AJ12" s="58"/>
      <c r="AK12" s="59"/>
      <c r="AL12" s="399"/>
      <c r="AM12" s="400"/>
      <c r="AN12" s="400"/>
      <c r="AO12" s="400"/>
      <c r="AP12" s="400"/>
      <c r="AQ12" s="400"/>
      <c r="AR12" s="400"/>
      <c r="AS12" s="400"/>
      <c r="AT12" s="400"/>
      <c r="AU12" s="400"/>
      <c r="AV12" s="400"/>
      <c r="AW12" s="400"/>
      <c r="AX12" s="401"/>
      <c r="AY12" s="395"/>
      <c r="AZ12" s="396"/>
      <c r="BA12" s="396"/>
      <c r="BB12" s="396"/>
      <c r="BC12" s="396"/>
      <c r="BD12" s="396"/>
      <c r="BE12" s="396"/>
      <c r="BF12" s="396"/>
      <c r="BG12" s="397"/>
    </row>
    <row r="13" spans="1:59" ht="16.5" customHeight="1">
      <c r="A13" s="12">
        <v>0</v>
      </c>
      <c r="D13" s="240" t="s">
        <v>163</v>
      </c>
      <c r="E13" s="241"/>
      <c r="F13" s="241"/>
      <c r="G13" s="241"/>
      <c r="H13" s="242"/>
      <c r="I13" s="334"/>
      <c r="J13" s="335"/>
      <c r="K13" s="335"/>
      <c r="L13" s="335"/>
      <c r="M13" s="335"/>
      <c r="N13" s="335" t="s">
        <v>164</v>
      </c>
      <c r="O13" s="335"/>
      <c r="P13" s="408"/>
      <c r="Q13" s="410" t="s">
        <v>165</v>
      </c>
      <c r="R13" s="343"/>
      <c r="S13" s="343"/>
      <c r="T13" s="343"/>
      <c r="U13" s="344"/>
      <c r="V13" s="367" t="s">
        <v>166</v>
      </c>
      <c r="W13" s="368"/>
      <c r="X13" s="412"/>
      <c r="Y13" s="337"/>
      <c r="Z13" s="367" t="s">
        <v>167</v>
      </c>
      <c r="AA13" s="368"/>
      <c r="AB13" s="412"/>
      <c r="AC13" s="415"/>
      <c r="AD13" s="13"/>
      <c r="AG13" s="398"/>
      <c r="AH13" s="73"/>
      <c r="AI13" s="73"/>
      <c r="AJ13" s="73"/>
      <c r="AK13" s="74"/>
      <c r="AL13" s="402"/>
      <c r="AM13" s="403"/>
      <c r="AN13" s="403"/>
      <c r="AO13" s="403"/>
      <c r="AP13" s="403"/>
      <c r="AQ13" s="403"/>
      <c r="AR13" s="403"/>
      <c r="AS13" s="403"/>
      <c r="AT13" s="403"/>
      <c r="AU13" s="403"/>
      <c r="AV13" s="403"/>
      <c r="AW13" s="403"/>
      <c r="AX13" s="404"/>
      <c r="AY13" s="395"/>
      <c r="AZ13" s="396"/>
      <c r="BA13" s="396"/>
      <c r="BB13" s="396"/>
      <c r="BC13" s="396"/>
      <c r="BD13" s="396"/>
      <c r="BE13" s="396"/>
      <c r="BF13" s="396"/>
      <c r="BG13" s="397"/>
    </row>
    <row r="14" spans="1:59" ht="16.5" customHeight="1">
      <c r="A14" s="3">
        <v>0</v>
      </c>
      <c r="D14" s="303"/>
      <c r="E14" s="304"/>
      <c r="F14" s="304"/>
      <c r="G14" s="304"/>
      <c r="H14" s="305"/>
      <c r="I14" s="338"/>
      <c r="J14" s="339"/>
      <c r="K14" s="339"/>
      <c r="L14" s="339"/>
      <c r="M14" s="339"/>
      <c r="N14" s="339"/>
      <c r="O14" s="339"/>
      <c r="P14" s="409"/>
      <c r="Q14" s="345"/>
      <c r="R14" s="346"/>
      <c r="S14" s="346"/>
      <c r="T14" s="346"/>
      <c r="U14" s="347"/>
      <c r="V14" s="411"/>
      <c r="W14" s="184"/>
      <c r="X14" s="413"/>
      <c r="Y14" s="414"/>
      <c r="Z14" s="411"/>
      <c r="AA14" s="184"/>
      <c r="AB14" s="416"/>
      <c r="AC14" s="417"/>
      <c r="AD14" s="13"/>
      <c r="AG14" s="398"/>
      <c r="AH14" s="73"/>
      <c r="AI14" s="73"/>
      <c r="AJ14" s="73"/>
      <c r="AK14" s="74"/>
      <c r="AL14" s="402"/>
      <c r="AM14" s="403"/>
      <c r="AN14" s="403"/>
      <c r="AO14" s="403"/>
      <c r="AP14" s="403"/>
      <c r="AQ14" s="403"/>
      <c r="AR14" s="403"/>
      <c r="AS14" s="403"/>
      <c r="AT14" s="403"/>
      <c r="AU14" s="403"/>
      <c r="AV14" s="403"/>
      <c r="AW14" s="403"/>
      <c r="AX14" s="404"/>
      <c r="AY14" s="395"/>
      <c r="AZ14" s="396"/>
      <c r="BA14" s="396"/>
      <c r="BB14" s="396"/>
      <c r="BC14" s="396"/>
      <c r="BD14" s="396"/>
      <c r="BE14" s="396"/>
      <c r="BF14" s="396"/>
      <c r="BG14" s="397"/>
    </row>
    <row r="15" spans="1:59" ht="16.5" customHeight="1">
      <c r="A15" s="3" t="s">
        <v>168</v>
      </c>
      <c r="D15" s="418" t="s">
        <v>169</v>
      </c>
      <c r="E15" s="343"/>
      <c r="F15" s="343"/>
      <c r="G15" s="343"/>
      <c r="H15" s="344"/>
      <c r="I15" s="334"/>
      <c r="J15" s="335"/>
      <c r="K15" s="335"/>
      <c r="L15" s="335"/>
      <c r="M15" s="335"/>
      <c r="N15" s="336"/>
      <c r="O15" s="336"/>
      <c r="P15" s="337"/>
      <c r="Q15" s="342" t="s">
        <v>170</v>
      </c>
      <c r="R15" s="343"/>
      <c r="S15" s="343"/>
      <c r="T15" s="343"/>
      <c r="U15" s="344"/>
      <c r="V15" s="420"/>
      <c r="W15" s="421"/>
      <c r="X15" s="421"/>
      <c r="Y15" s="421"/>
      <c r="Z15" s="421"/>
      <c r="AA15" s="421"/>
      <c r="AB15" s="421"/>
      <c r="AC15" s="422"/>
      <c r="AD15" s="13"/>
      <c r="AG15" s="398"/>
      <c r="AH15" s="73"/>
      <c r="AI15" s="73"/>
      <c r="AJ15" s="73"/>
      <c r="AK15" s="74"/>
      <c r="AL15" s="402"/>
      <c r="AM15" s="403"/>
      <c r="AN15" s="403"/>
      <c r="AO15" s="403"/>
      <c r="AP15" s="403"/>
      <c r="AQ15" s="403"/>
      <c r="AR15" s="403"/>
      <c r="AS15" s="403"/>
      <c r="AT15" s="403"/>
      <c r="AU15" s="403"/>
      <c r="AV15" s="403"/>
      <c r="AW15" s="403"/>
      <c r="AX15" s="404"/>
      <c r="AY15" s="395"/>
      <c r="AZ15" s="396"/>
      <c r="BA15" s="396"/>
      <c r="BB15" s="396"/>
      <c r="BC15" s="396"/>
      <c r="BD15" s="396"/>
      <c r="BE15" s="396"/>
      <c r="BF15" s="396"/>
      <c r="BG15" s="397"/>
    </row>
    <row r="16" spans="1:59" ht="16.5" customHeight="1">
      <c r="A16" s="14" t="s">
        <v>145</v>
      </c>
      <c r="D16" s="419"/>
      <c r="E16" s="346"/>
      <c r="F16" s="346"/>
      <c r="G16" s="346"/>
      <c r="H16" s="347"/>
      <c r="I16" s="338"/>
      <c r="J16" s="339"/>
      <c r="K16" s="339"/>
      <c r="L16" s="339"/>
      <c r="M16" s="339"/>
      <c r="N16" s="340"/>
      <c r="O16" s="340"/>
      <c r="P16" s="341"/>
      <c r="Q16" s="345"/>
      <c r="R16" s="346"/>
      <c r="S16" s="346"/>
      <c r="T16" s="346"/>
      <c r="U16" s="347"/>
      <c r="V16" s="423"/>
      <c r="W16" s="424"/>
      <c r="X16" s="424"/>
      <c r="Y16" s="424"/>
      <c r="Z16" s="424"/>
      <c r="AA16" s="424"/>
      <c r="AB16" s="424"/>
      <c r="AC16" s="425"/>
      <c r="AD16" s="13"/>
      <c r="AG16" s="398"/>
      <c r="AH16" s="73"/>
      <c r="AI16" s="73"/>
      <c r="AJ16" s="73"/>
      <c r="AK16" s="74"/>
      <c r="AL16" s="402"/>
      <c r="AM16" s="403"/>
      <c r="AN16" s="403"/>
      <c r="AO16" s="403"/>
      <c r="AP16" s="403"/>
      <c r="AQ16" s="403"/>
      <c r="AR16" s="403"/>
      <c r="AS16" s="403"/>
      <c r="AT16" s="403"/>
      <c r="AU16" s="403"/>
      <c r="AV16" s="403"/>
      <c r="AW16" s="403"/>
      <c r="AX16" s="404"/>
      <c r="AY16" s="395"/>
      <c r="AZ16" s="396"/>
      <c r="BA16" s="396"/>
      <c r="BB16" s="396"/>
      <c r="BC16" s="396"/>
      <c r="BD16" s="396"/>
      <c r="BE16" s="396"/>
      <c r="BF16" s="396"/>
      <c r="BG16" s="397"/>
    </row>
    <row r="17" spans="1:59" ht="16.5" customHeight="1">
      <c r="A17" s="14" t="s">
        <v>146</v>
      </c>
      <c r="D17" s="333" t="s">
        <v>171</v>
      </c>
      <c r="E17" s="70"/>
      <c r="F17" s="70"/>
      <c r="G17" s="70"/>
      <c r="H17" s="71"/>
      <c r="I17" s="334"/>
      <c r="J17" s="335"/>
      <c r="K17" s="335"/>
      <c r="L17" s="335"/>
      <c r="M17" s="335"/>
      <c r="N17" s="336"/>
      <c r="O17" s="336"/>
      <c r="P17" s="337"/>
      <c r="Q17" s="366" t="s">
        <v>172</v>
      </c>
      <c r="R17" s="70"/>
      <c r="S17" s="70"/>
      <c r="T17" s="70"/>
      <c r="U17" s="71"/>
      <c r="V17" s="367" t="s">
        <v>173</v>
      </c>
      <c r="W17" s="368"/>
      <c r="X17" s="370"/>
      <c r="Y17" s="371"/>
      <c r="Z17" s="367" t="s">
        <v>174</v>
      </c>
      <c r="AA17" s="374"/>
      <c r="AB17" s="354" t="str">
        <f>IF(ISBLANK(X17),"",ROUNDDOWN(X17+(X17*AA18),0))</f>
        <v/>
      </c>
      <c r="AC17" s="355"/>
      <c r="AD17" s="13"/>
      <c r="AG17" s="398"/>
      <c r="AH17" s="73"/>
      <c r="AI17" s="73"/>
      <c r="AJ17" s="73"/>
      <c r="AK17" s="74"/>
      <c r="AL17" s="402"/>
      <c r="AM17" s="403"/>
      <c r="AN17" s="403"/>
      <c r="AO17" s="403"/>
      <c r="AP17" s="403"/>
      <c r="AQ17" s="403"/>
      <c r="AR17" s="403"/>
      <c r="AS17" s="403"/>
      <c r="AT17" s="403"/>
      <c r="AU17" s="403"/>
      <c r="AV17" s="403"/>
      <c r="AW17" s="403"/>
      <c r="AX17" s="404"/>
      <c r="AY17" s="395"/>
      <c r="AZ17" s="396"/>
      <c r="BA17" s="396"/>
      <c r="BB17" s="396"/>
      <c r="BC17" s="396"/>
      <c r="BD17" s="396"/>
      <c r="BE17" s="396"/>
      <c r="BF17" s="396"/>
      <c r="BG17" s="397"/>
    </row>
    <row r="18" spans="1:59" ht="16.5" customHeight="1">
      <c r="A18" s="14" t="s">
        <v>175</v>
      </c>
      <c r="D18" s="178"/>
      <c r="E18" s="76"/>
      <c r="F18" s="76"/>
      <c r="G18" s="76"/>
      <c r="H18" s="77"/>
      <c r="I18" s="338"/>
      <c r="J18" s="339"/>
      <c r="K18" s="339"/>
      <c r="L18" s="339"/>
      <c r="M18" s="339"/>
      <c r="N18" s="340"/>
      <c r="O18" s="340"/>
      <c r="P18" s="341"/>
      <c r="Q18" s="75"/>
      <c r="R18" s="76"/>
      <c r="S18" s="76"/>
      <c r="T18" s="76"/>
      <c r="U18" s="77"/>
      <c r="V18" s="369"/>
      <c r="W18" s="187"/>
      <c r="X18" s="372"/>
      <c r="Y18" s="373"/>
      <c r="Z18" s="15" t="s">
        <v>176</v>
      </c>
      <c r="AA18" s="16"/>
      <c r="AB18" s="356"/>
      <c r="AC18" s="357"/>
      <c r="AD18" s="13"/>
      <c r="AG18" s="178"/>
      <c r="AH18" s="76"/>
      <c r="AI18" s="76"/>
      <c r="AJ18" s="76"/>
      <c r="AK18" s="77"/>
      <c r="AL18" s="405"/>
      <c r="AM18" s="406"/>
      <c r="AN18" s="406"/>
      <c r="AO18" s="406"/>
      <c r="AP18" s="406"/>
      <c r="AQ18" s="406"/>
      <c r="AR18" s="406"/>
      <c r="AS18" s="406"/>
      <c r="AT18" s="406"/>
      <c r="AU18" s="406"/>
      <c r="AV18" s="406"/>
      <c r="AW18" s="406"/>
      <c r="AX18" s="407"/>
      <c r="AY18" s="395"/>
      <c r="AZ18" s="396"/>
      <c r="BA18" s="396"/>
      <c r="BB18" s="396"/>
      <c r="BC18" s="396"/>
      <c r="BD18" s="396"/>
      <c r="BE18" s="396"/>
      <c r="BF18" s="396"/>
      <c r="BG18" s="397"/>
    </row>
    <row r="19" spans="1:59" ht="16.5" customHeight="1">
      <c r="A19" s="14" t="s">
        <v>147</v>
      </c>
      <c r="D19" s="333" t="s">
        <v>177</v>
      </c>
      <c r="E19" s="70"/>
      <c r="F19" s="70"/>
      <c r="G19" s="70"/>
      <c r="H19" s="71"/>
      <c r="I19" s="334"/>
      <c r="J19" s="335"/>
      <c r="K19" s="335"/>
      <c r="L19" s="335"/>
      <c r="M19" s="335"/>
      <c r="N19" s="336"/>
      <c r="O19" s="336"/>
      <c r="P19" s="337"/>
      <c r="Q19" s="342" t="s">
        <v>178</v>
      </c>
      <c r="R19" s="343"/>
      <c r="S19" s="343"/>
      <c r="T19" s="343"/>
      <c r="U19" s="344"/>
      <c r="V19" s="358"/>
      <c r="W19" s="359"/>
      <c r="X19" s="359"/>
      <c r="Y19" s="17"/>
      <c r="Z19" s="362"/>
      <c r="AA19" s="362"/>
      <c r="AB19" s="362"/>
      <c r="AC19" s="363"/>
      <c r="AD19" s="18"/>
      <c r="AG19" s="57" t="s">
        <v>179</v>
      </c>
      <c r="AH19" s="58"/>
      <c r="AI19" s="58"/>
      <c r="AJ19" s="58"/>
      <c r="AK19" s="59"/>
      <c r="AL19" s="327"/>
      <c r="AM19" s="328"/>
      <c r="AN19" s="328"/>
      <c r="AO19" s="328"/>
      <c r="AP19" s="328"/>
      <c r="AQ19" s="328"/>
      <c r="AR19" s="328"/>
      <c r="AS19" s="328"/>
      <c r="AT19" s="328"/>
      <c r="AU19" s="328"/>
      <c r="AV19" s="328"/>
      <c r="AW19" s="328"/>
      <c r="AX19" s="329"/>
      <c r="AY19" s="395"/>
      <c r="AZ19" s="396"/>
      <c r="BA19" s="396"/>
      <c r="BB19" s="396"/>
      <c r="BC19" s="396"/>
      <c r="BD19" s="396"/>
      <c r="BE19" s="396"/>
      <c r="BF19" s="396"/>
      <c r="BG19" s="397"/>
    </row>
    <row r="20" spans="1:59" ht="16.5" customHeight="1">
      <c r="A20" s="19" t="s">
        <v>180</v>
      </c>
      <c r="D20" s="178"/>
      <c r="E20" s="76"/>
      <c r="F20" s="76"/>
      <c r="G20" s="76"/>
      <c r="H20" s="77"/>
      <c r="I20" s="338"/>
      <c r="J20" s="339"/>
      <c r="K20" s="339"/>
      <c r="L20" s="339"/>
      <c r="M20" s="339"/>
      <c r="N20" s="340"/>
      <c r="O20" s="340"/>
      <c r="P20" s="341"/>
      <c r="Q20" s="345"/>
      <c r="R20" s="346"/>
      <c r="S20" s="346"/>
      <c r="T20" s="346"/>
      <c r="U20" s="347"/>
      <c r="V20" s="360"/>
      <c r="W20" s="361"/>
      <c r="X20" s="361"/>
      <c r="Y20" s="20"/>
      <c r="Z20" s="364"/>
      <c r="AA20" s="364"/>
      <c r="AB20" s="364"/>
      <c r="AC20" s="365"/>
      <c r="AD20" s="18"/>
      <c r="AG20" s="178"/>
      <c r="AH20" s="76"/>
      <c r="AI20" s="76"/>
      <c r="AJ20" s="76"/>
      <c r="AK20" s="77"/>
      <c r="AL20" s="330"/>
      <c r="AM20" s="331"/>
      <c r="AN20" s="331"/>
      <c r="AO20" s="331"/>
      <c r="AP20" s="331"/>
      <c r="AQ20" s="331"/>
      <c r="AR20" s="331"/>
      <c r="AS20" s="331"/>
      <c r="AT20" s="331"/>
      <c r="AU20" s="331"/>
      <c r="AV20" s="331"/>
      <c r="AW20" s="331"/>
      <c r="AX20" s="332"/>
      <c r="AY20" s="395"/>
      <c r="AZ20" s="396"/>
      <c r="BA20" s="396"/>
      <c r="BB20" s="396"/>
      <c r="BC20" s="396"/>
      <c r="BD20" s="396"/>
      <c r="BE20" s="396"/>
      <c r="BF20" s="396"/>
      <c r="BG20" s="397"/>
    </row>
    <row r="21" spans="1:59" ht="16.5" customHeight="1">
      <c r="D21" s="333" t="s">
        <v>181</v>
      </c>
      <c r="E21" s="70"/>
      <c r="F21" s="70"/>
      <c r="G21" s="70"/>
      <c r="H21" s="71"/>
      <c r="I21" s="334"/>
      <c r="J21" s="335"/>
      <c r="K21" s="335"/>
      <c r="L21" s="335"/>
      <c r="M21" s="335"/>
      <c r="N21" s="336"/>
      <c r="O21" s="336"/>
      <c r="P21" s="337"/>
      <c r="Q21" s="342" t="s">
        <v>182</v>
      </c>
      <c r="R21" s="343"/>
      <c r="S21" s="343"/>
      <c r="T21" s="343"/>
      <c r="U21" s="344"/>
      <c r="V21" s="348"/>
      <c r="W21" s="349"/>
      <c r="X21" s="349"/>
      <c r="Y21" s="21"/>
      <c r="Z21" s="352"/>
      <c r="AA21" s="352"/>
      <c r="AB21" s="352"/>
      <c r="AC21" s="353"/>
      <c r="AD21" s="18"/>
      <c r="AG21" s="57" t="s">
        <v>183</v>
      </c>
      <c r="AH21" s="70"/>
      <c r="AI21" s="70"/>
      <c r="AJ21" s="71"/>
      <c r="AK21" s="287" t="s">
        <v>184</v>
      </c>
      <c r="AL21" s="252"/>
      <c r="AM21" s="253"/>
      <c r="AN21" s="253"/>
      <c r="AO21" s="289"/>
      <c r="AP21" s="291"/>
      <c r="AQ21" s="292"/>
      <c r="AR21" s="292"/>
      <c r="AS21" s="292"/>
      <c r="AT21" s="292"/>
      <c r="AU21" s="292"/>
      <c r="AV21" s="292"/>
      <c r="AW21" s="292"/>
      <c r="AX21" s="292"/>
      <c r="AY21" s="292"/>
      <c r="AZ21" s="292"/>
      <c r="BA21" s="292"/>
      <c r="BB21" s="292"/>
      <c r="BC21" s="292"/>
      <c r="BD21" s="292"/>
      <c r="BE21" s="292"/>
      <c r="BF21" s="292"/>
      <c r="BG21" s="293"/>
    </row>
    <row r="22" spans="1:59" ht="16.5" customHeight="1">
      <c r="A22" s="3" t="b">
        <v>0</v>
      </c>
      <c r="D22" s="178"/>
      <c r="E22" s="76"/>
      <c r="F22" s="76"/>
      <c r="G22" s="76"/>
      <c r="H22" s="77"/>
      <c r="I22" s="338"/>
      <c r="J22" s="339"/>
      <c r="K22" s="339"/>
      <c r="L22" s="339"/>
      <c r="M22" s="339"/>
      <c r="N22" s="340"/>
      <c r="O22" s="340"/>
      <c r="P22" s="341"/>
      <c r="Q22" s="345"/>
      <c r="R22" s="346"/>
      <c r="S22" s="346"/>
      <c r="T22" s="346"/>
      <c r="U22" s="347"/>
      <c r="V22" s="350"/>
      <c r="W22" s="351"/>
      <c r="X22" s="351"/>
      <c r="Y22" s="22"/>
      <c r="Z22" s="352"/>
      <c r="AA22" s="352"/>
      <c r="AB22" s="352"/>
      <c r="AC22" s="353"/>
      <c r="AD22" s="18"/>
      <c r="AG22" s="178"/>
      <c r="AH22" s="76"/>
      <c r="AI22" s="76"/>
      <c r="AJ22" s="77"/>
      <c r="AK22" s="288"/>
      <c r="AL22" s="255"/>
      <c r="AM22" s="256"/>
      <c r="AN22" s="256"/>
      <c r="AO22" s="290"/>
      <c r="AP22" s="291"/>
      <c r="AQ22" s="292"/>
      <c r="AR22" s="292"/>
      <c r="AS22" s="292"/>
      <c r="AT22" s="292"/>
      <c r="AU22" s="292"/>
      <c r="AV22" s="292"/>
      <c r="AW22" s="292"/>
      <c r="AX22" s="292"/>
      <c r="AY22" s="292"/>
      <c r="AZ22" s="292"/>
      <c r="BA22" s="292"/>
      <c r="BB22" s="292"/>
      <c r="BC22" s="292"/>
      <c r="BD22" s="292"/>
      <c r="BE22" s="292"/>
      <c r="BF22" s="292"/>
      <c r="BG22" s="293"/>
    </row>
    <row r="23" spans="1:59" ht="16.5" customHeight="1">
      <c r="A23" s="3">
        <v>0</v>
      </c>
      <c r="D23" s="240" t="s">
        <v>185</v>
      </c>
      <c r="E23" s="241"/>
      <c r="F23" s="241"/>
      <c r="G23" s="241"/>
      <c r="H23" s="242"/>
      <c r="I23" s="306" t="s">
        <v>186</v>
      </c>
      <c r="J23" s="308"/>
      <c r="K23" s="309"/>
      <c r="L23" s="310"/>
      <c r="M23" s="306" t="s">
        <v>187</v>
      </c>
      <c r="N23" s="314"/>
      <c r="O23" s="315"/>
      <c r="P23" s="316"/>
      <c r="Q23" s="320" t="s">
        <v>188</v>
      </c>
      <c r="R23" s="70"/>
      <c r="S23" s="70"/>
      <c r="T23" s="70"/>
      <c r="U23" s="71"/>
      <c r="V23" s="322" t="s">
        <v>189</v>
      </c>
      <c r="W23" s="323"/>
      <c r="X23" s="323"/>
      <c r="Y23" s="323"/>
      <c r="Z23" s="323"/>
      <c r="AA23" s="324"/>
      <c r="AB23" s="325" t="s">
        <v>190</v>
      </c>
      <c r="AC23" s="326"/>
      <c r="AD23" s="18"/>
      <c r="AG23" s="57" t="s">
        <v>191</v>
      </c>
      <c r="AH23" s="70"/>
      <c r="AI23" s="70"/>
      <c r="AJ23" s="71"/>
      <c r="AK23" s="287" t="s">
        <v>184</v>
      </c>
      <c r="AL23" s="252"/>
      <c r="AM23" s="253"/>
      <c r="AN23" s="253"/>
      <c r="AO23" s="289"/>
      <c r="AP23" s="291"/>
      <c r="AQ23" s="292"/>
      <c r="AR23" s="292"/>
      <c r="AS23" s="292"/>
      <c r="AT23" s="292"/>
      <c r="AU23" s="292"/>
      <c r="AV23" s="292"/>
      <c r="AW23" s="292"/>
      <c r="AX23" s="292"/>
      <c r="AY23" s="292"/>
      <c r="AZ23" s="292"/>
      <c r="BA23" s="292"/>
      <c r="BB23" s="292"/>
      <c r="BC23" s="292"/>
      <c r="BD23" s="292"/>
      <c r="BE23" s="292"/>
      <c r="BF23" s="292"/>
      <c r="BG23" s="293"/>
    </row>
    <row r="24" spans="1:59" ht="16.5" customHeight="1">
      <c r="A24" s="3">
        <v>0</v>
      </c>
      <c r="D24" s="303"/>
      <c r="E24" s="304"/>
      <c r="F24" s="304"/>
      <c r="G24" s="304"/>
      <c r="H24" s="305"/>
      <c r="I24" s="307"/>
      <c r="J24" s="311"/>
      <c r="K24" s="312"/>
      <c r="L24" s="313"/>
      <c r="M24" s="307"/>
      <c r="N24" s="317"/>
      <c r="O24" s="318"/>
      <c r="P24" s="319"/>
      <c r="Q24" s="321"/>
      <c r="R24" s="76"/>
      <c r="S24" s="76"/>
      <c r="T24" s="76"/>
      <c r="U24" s="77"/>
      <c r="V24" s="297"/>
      <c r="W24" s="298"/>
      <c r="X24" s="299"/>
      <c r="Y24" s="298"/>
      <c r="Z24" s="299"/>
      <c r="AA24" s="300"/>
      <c r="AB24" s="301"/>
      <c r="AC24" s="302"/>
      <c r="AD24" s="18"/>
      <c r="AG24" s="178"/>
      <c r="AH24" s="76"/>
      <c r="AI24" s="76"/>
      <c r="AJ24" s="77"/>
      <c r="AK24" s="288"/>
      <c r="AL24" s="255"/>
      <c r="AM24" s="256"/>
      <c r="AN24" s="256"/>
      <c r="AO24" s="290"/>
      <c r="AP24" s="294"/>
      <c r="AQ24" s="295"/>
      <c r="AR24" s="295"/>
      <c r="AS24" s="295"/>
      <c r="AT24" s="295"/>
      <c r="AU24" s="295"/>
      <c r="AV24" s="295"/>
      <c r="AW24" s="295"/>
      <c r="AX24" s="295"/>
      <c r="AY24" s="295"/>
      <c r="AZ24" s="295"/>
      <c r="BA24" s="295"/>
      <c r="BB24" s="295"/>
      <c r="BC24" s="295"/>
      <c r="BD24" s="295"/>
      <c r="BE24" s="295"/>
      <c r="BF24" s="295"/>
      <c r="BG24" s="296"/>
    </row>
    <row r="25" spans="1:59" ht="16.5" customHeight="1">
      <c r="D25" s="240" t="s">
        <v>192</v>
      </c>
      <c r="E25" s="241"/>
      <c r="F25" s="241"/>
      <c r="G25" s="241"/>
      <c r="H25" s="242"/>
      <c r="I25" s="249"/>
      <c r="J25" s="250"/>
      <c r="K25" s="250"/>
      <c r="L25" s="250"/>
      <c r="M25" s="250"/>
      <c r="N25" s="250"/>
      <c r="O25" s="250"/>
      <c r="P25" s="250"/>
      <c r="Q25" s="250"/>
      <c r="R25" s="250"/>
      <c r="S25" s="250"/>
      <c r="T25" s="250"/>
      <c r="U25" s="250"/>
      <c r="V25" s="250"/>
      <c r="W25" s="250"/>
      <c r="X25" s="250"/>
      <c r="Y25" s="250"/>
      <c r="Z25" s="250"/>
      <c r="AA25" s="250"/>
      <c r="AB25" s="250"/>
      <c r="AC25" s="251"/>
      <c r="AD25" s="23"/>
      <c r="AG25" s="57" t="s">
        <v>193</v>
      </c>
      <c r="AH25" s="58"/>
      <c r="AI25" s="58"/>
      <c r="AJ25" s="58"/>
      <c r="AK25" s="59"/>
      <c r="AL25" s="252"/>
      <c r="AM25" s="253"/>
      <c r="AN25" s="253"/>
      <c r="AO25" s="253"/>
      <c r="AP25" s="253"/>
      <c r="AQ25" s="253"/>
      <c r="AR25" s="253"/>
      <c r="AS25" s="254"/>
      <c r="AT25" s="258" t="s">
        <v>194</v>
      </c>
      <c r="AU25" s="70"/>
      <c r="AV25" s="70"/>
      <c r="AW25" s="70"/>
      <c r="AX25" s="71"/>
      <c r="AY25" s="197"/>
      <c r="AZ25" s="198"/>
      <c r="BA25" s="198"/>
      <c r="BB25" s="198"/>
      <c r="BC25" s="198"/>
      <c r="BD25" s="198"/>
      <c r="BE25" s="198"/>
      <c r="BF25" s="198"/>
      <c r="BG25" s="199"/>
    </row>
    <row r="26" spans="1:59" ht="16.5" customHeight="1">
      <c r="D26" s="243"/>
      <c r="E26" s="244"/>
      <c r="F26" s="244"/>
      <c r="G26" s="244"/>
      <c r="H26" s="245"/>
      <c r="I26" s="249"/>
      <c r="J26" s="250"/>
      <c r="K26" s="250"/>
      <c r="L26" s="250"/>
      <c r="M26" s="250"/>
      <c r="N26" s="250"/>
      <c r="O26" s="250"/>
      <c r="P26" s="250"/>
      <c r="Q26" s="250"/>
      <c r="R26" s="250"/>
      <c r="S26" s="250"/>
      <c r="T26" s="250"/>
      <c r="U26" s="250"/>
      <c r="V26" s="250"/>
      <c r="W26" s="250"/>
      <c r="X26" s="250"/>
      <c r="Y26" s="250"/>
      <c r="Z26" s="250"/>
      <c r="AA26" s="250"/>
      <c r="AB26" s="250"/>
      <c r="AC26" s="251"/>
      <c r="AD26" s="24"/>
      <c r="AG26" s="178"/>
      <c r="AH26" s="76"/>
      <c r="AI26" s="76"/>
      <c r="AJ26" s="76"/>
      <c r="AK26" s="77"/>
      <c r="AL26" s="255"/>
      <c r="AM26" s="256"/>
      <c r="AN26" s="256"/>
      <c r="AO26" s="256"/>
      <c r="AP26" s="256"/>
      <c r="AQ26" s="256"/>
      <c r="AR26" s="256"/>
      <c r="AS26" s="257"/>
      <c r="AT26" s="75"/>
      <c r="AU26" s="76"/>
      <c r="AV26" s="76"/>
      <c r="AW26" s="76"/>
      <c r="AX26" s="77"/>
      <c r="AY26" s="197"/>
      <c r="AZ26" s="198"/>
      <c r="BA26" s="198"/>
      <c r="BB26" s="198"/>
      <c r="BC26" s="198"/>
      <c r="BD26" s="198"/>
      <c r="BE26" s="198"/>
      <c r="BF26" s="198"/>
      <c r="BG26" s="199"/>
    </row>
    <row r="27" spans="1:59" ht="16.5" customHeight="1">
      <c r="A27" s="3">
        <v>0</v>
      </c>
      <c r="D27" s="243"/>
      <c r="E27" s="244"/>
      <c r="F27" s="244"/>
      <c r="G27" s="244"/>
      <c r="H27" s="245"/>
      <c r="I27" s="25"/>
      <c r="J27" s="25"/>
      <c r="K27" s="25"/>
      <c r="L27" s="26"/>
      <c r="M27" s="259"/>
      <c r="N27" s="259"/>
      <c r="O27" s="259"/>
      <c r="P27" s="259"/>
      <c r="Q27" s="259"/>
      <c r="R27" s="259"/>
      <c r="S27" s="259"/>
      <c r="T27" s="259"/>
      <c r="U27" s="259"/>
      <c r="V27" s="259"/>
      <c r="W27" s="259"/>
      <c r="X27" s="259"/>
      <c r="Y27" s="259"/>
      <c r="Z27" s="259"/>
      <c r="AA27" s="259"/>
      <c r="AB27" s="259"/>
      <c r="AC27" s="260"/>
      <c r="AD27" s="27"/>
      <c r="AG27" s="57" t="s">
        <v>195</v>
      </c>
      <c r="AH27" s="58"/>
      <c r="AI27" s="58"/>
      <c r="AJ27" s="58"/>
      <c r="AK27" s="59"/>
      <c r="AL27" s="252"/>
      <c r="AM27" s="253"/>
      <c r="AN27" s="253"/>
      <c r="AO27" s="253"/>
      <c r="AP27" s="253"/>
      <c r="AQ27" s="253"/>
      <c r="AR27" s="253"/>
      <c r="AS27" s="254"/>
      <c r="AT27" s="258" t="s">
        <v>196</v>
      </c>
      <c r="AU27" s="70"/>
      <c r="AV27" s="70"/>
      <c r="AW27" s="70"/>
      <c r="AX27" s="71"/>
      <c r="AY27" s="197"/>
      <c r="AZ27" s="198"/>
      <c r="BA27" s="198"/>
      <c r="BB27" s="198"/>
      <c r="BC27" s="198"/>
      <c r="BD27" s="198"/>
      <c r="BE27" s="198"/>
      <c r="BF27" s="198"/>
      <c r="BG27" s="199"/>
    </row>
    <row r="28" spans="1:59" ht="16.5" customHeight="1" thickBot="1">
      <c r="D28" s="246"/>
      <c r="E28" s="247"/>
      <c r="F28" s="247"/>
      <c r="G28" s="247"/>
      <c r="H28" s="248"/>
      <c r="I28" s="203" t="s">
        <v>197</v>
      </c>
      <c r="J28" s="204"/>
      <c r="K28" s="204"/>
      <c r="L28" s="204"/>
      <c r="M28" s="204"/>
      <c r="N28" s="204"/>
      <c r="O28" s="204"/>
      <c r="P28" s="205"/>
      <c r="Q28" s="205"/>
      <c r="R28" s="205"/>
      <c r="S28" s="205"/>
      <c r="T28" s="205"/>
      <c r="U28" s="205"/>
      <c r="V28" s="205"/>
      <c r="W28" s="205"/>
      <c r="X28" s="205"/>
      <c r="Y28" s="205"/>
      <c r="Z28" s="205"/>
      <c r="AA28" s="205"/>
      <c r="AB28" s="205"/>
      <c r="AC28" s="206"/>
      <c r="AD28" s="27"/>
      <c r="AG28" s="261"/>
      <c r="AH28" s="262"/>
      <c r="AI28" s="262"/>
      <c r="AJ28" s="262"/>
      <c r="AK28" s="263"/>
      <c r="AL28" s="264"/>
      <c r="AM28" s="265"/>
      <c r="AN28" s="265"/>
      <c r="AO28" s="265"/>
      <c r="AP28" s="265"/>
      <c r="AQ28" s="265"/>
      <c r="AR28" s="265"/>
      <c r="AS28" s="266"/>
      <c r="AT28" s="267"/>
      <c r="AU28" s="262"/>
      <c r="AV28" s="262"/>
      <c r="AW28" s="262"/>
      <c r="AX28" s="263"/>
      <c r="AY28" s="200"/>
      <c r="AZ28" s="201"/>
      <c r="BA28" s="201"/>
      <c r="BB28" s="201"/>
      <c r="BC28" s="201"/>
      <c r="BD28" s="201"/>
      <c r="BE28" s="201"/>
      <c r="BF28" s="201"/>
      <c r="BG28" s="202"/>
    </row>
    <row r="29" spans="1:59" ht="15" customHeight="1" thickBot="1">
      <c r="D29" s="9"/>
      <c r="E29" s="9"/>
      <c r="F29" s="9"/>
      <c r="G29" s="9"/>
      <c r="H29" s="9"/>
      <c r="I29" s="9"/>
      <c r="J29" s="9"/>
      <c r="K29" s="9"/>
      <c r="L29" s="9"/>
      <c r="M29" s="9"/>
      <c r="N29" s="9"/>
      <c r="O29" s="9"/>
      <c r="P29" s="9"/>
      <c r="Q29" s="9"/>
      <c r="R29" s="9"/>
      <c r="S29" s="9"/>
      <c r="T29" s="9"/>
      <c r="U29" s="9"/>
      <c r="V29" s="9"/>
      <c r="W29" s="9"/>
      <c r="X29" s="9"/>
      <c r="Y29" s="9"/>
      <c r="Z29" s="9"/>
      <c r="AA29" s="9"/>
      <c r="AB29" s="9"/>
      <c r="AC29" s="9"/>
      <c r="AD29" s="28"/>
      <c r="AG29" s="29"/>
      <c r="AH29" s="29"/>
      <c r="AI29" s="29"/>
      <c r="AJ29" s="29"/>
      <c r="AK29" s="29"/>
      <c r="AL29" s="30"/>
      <c r="AM29" s="30"/>
      <c r="AN29" s="30"/>
      <c r="AO29" s="30"/>
      <c r="AP29" s="30"/>
      <c r="AQ29" s="30"/>
      <c r="AR29" s="30"/>
      <c r="AS29" s="30"/>
      <c r="AT29" s="30"/>
      <c r="AU29" s="30"/>
      <c r="AV29" s="30"/>
      <c r="AW29" s="30"/>
      <c r="AX29" s="30"/>
      <c r="AY29" s="30"/>
      <c r="AZ29" s="30"/>
      <c r="BA29" s="30"/>
      <c r="BB29" s="30"/>
      <c r="BC29" s="30"/>
      <c r="BD29" s="30"/>
      <c r="BE29" s="30"/>
      <c r="BF29" s="30"/>
      <c r="BG29" s="30"/>
    </row>
    <row r="30" spans="1:59" ht="15" customHeight="1">
      <c r="D30" s="207" t="s">
        <v>198</v>
      </c>
      <c r="E30" s="208"/>
      <c r="F30" s="208"/>
      <c r="G30" s="208"/>
      <c r="H30" s="209"/>
      <c r="I30" s="216" t="s">
        <v>199</v>
      </c>
      <c r="J30" s="208"/>
      <c r="K30" s="208"/>
      <c r="L30" s="209"/>
      <c r="M30" s="31"/>
      <c r="N30" s="32"/>
      <c r="O30" s="32"/>
      <c r="P30" s="32"/>
      <c r="Q30" s="33"/>
      <c r="R30" s="33"/>
      <c r="S30" s="33"/>
      <c r="T30" s="33"/>
      <c r="U30" s="33"/>
      <c r="V30" s="33"/>
      <c r="W30" s="33"/>
      <c r="X30" s="33"/>
      <c r="Y30" s="33"/>
      <c r="Z30" s="33"/>
      <c r="AA30" s="33"/>
      <c r="AB30" s="33"/>
      <c r="AC30" s="34"/>
      <c r="AD30" s="28"/>
      <c r="AG30" s="219" t="s">
        <v>200</v>
      </c>
      <c r="AH30" s="219"/>
      <c r="AI30" s="219"/>
      <c r="AJ30" s="219"/>
      <c r="AK30" s="219"/>
      <c r="AL30" s="219"/>
      <c r="AM30" s="219"/>
      <c r="AN30" s="219"/>
      <c r="AO30" s="219"/>
      <c r="AP30" s="219"/>
      <c r="AQ30" s="219"/>
      <c r="AR30" s="219"/>
      <c r="AS30" s="219"/>
      <c r="AT30" s="219"/>
      <c r="AU30" s="219"/>
      <c r="AV30" s="219"/>
      <c r="AW30" s="219"/>
      <c r="AX30" s="219"/>
      <c r="AY30" s="219"/>
      <c r="AZ30" s="219"/>
      <c r="BA30" s="219"/>
      <c r="BB30" s="219"/>
      <c r="BC30" s="219"/>
      <c r="BD30" s="219"/>
      <c r="BE30" s="219"/>
      <c r="BF30" s="219"/>
      <c r="BG30" s="219"/>
    </row>
    <row r="31" spans="1:59" ht="15" customHeight="1" thickBot="1">
      <c r="D31" s="210"/>
      <c r="E31" s="211"/>
      <c r="F31" s="211"/>
      <c r="G31" s="211"/>
      <c r="H31" s="212"/>
      <c r="I31" s="217"/>
      <c r="J31" s="211"/>
      <c r="K31" s="211"/>
      <c r="L31" s="212"/>
      <c r="M31" s="35"/>
      <c r="N31" s="36"/>
      <c r="O31" s="36"/>
      <c r="P31" s="36"/>
      <c r="Q31" s="25"/>
      <c r="R31" s="25"/>
      <c r="S31" s="25"/>
      <c r="T31" s="25"/>
      <c r="U31" s="25"/>
      <c r="V31" s="25"/>
      <c r="W31" s="25"/>
      <c r="X31" s="25"/>
      <c r="Y31" s="25"/>
      <c r="Z31" s="25"/>
      <c r="AA31" s="25"/>
      <c r="AB31" s="25"/>
      <c r="AC31" s="37"/>
      <c r="AD31" s="9"/>
      <c r="AG31" s="220"/>
      <c r="AH31" s="220"/>
      <c r="AI31" s="220"/>
      <c r="AJ31" s="220"/>
      <c r="AK31" s="220"/>
      <c r="AL31" s="220"/>
      <c r="AM31" s="220"/>
      <c r="AN31" s="220"/>
      <c r="AO31" s="220"/>
      <c r="AP31" s="220"/>
      <c r="AQ31" s="220"/>
      <c r="AR31" s="220"/>
      <c r="AS31" s="220"/>
      <c r="AT31" s="220"/>
      <c r="AU31" s="220"/>
      <c r="AV31" s="220"/>
      <c r="AW31" s="220"/>
      <c r="AX31" s="220"/>
      <c r="AY31" s="220"/>
      <c r="AZ31" s="220"/>
      <c r="BA31" s="220"/>
      <c r="BB31" s="220"/>
      <c r="BC31" s="220"/>
      <c r="BD31" s="220"/>
      <c r="BE31" s="220"/>
      <c r="BF31" s="220"/>
      <c r="BG31" s="220"/>
    </row>
    <row r="32" spans="1:59" ht="15" customHeight="1">
      <c r="D32" s="210"/>
      <c r="E32" s="211"/>
      <c r="F32" s="211"/>
      <c r="G32" s="211"/>
      <c r="H32" s="212"/>
      <c r="I32" s="217"/>
      <c r="J32" s="211"/>
      <c r="K32" s="211"/>
      <c r="L32" s="212"/>
      <c r="M32" s="35"/>
      <c r="N32" s="36"/>
      <c r="O32" s="36"/>
      <c r="P32" s="36"/>
      <c r="Q32" s="221"/>
      <c r="R32" s="221"/>
      <c r="S32" s="221"/>
      <c r="T32" s="221"/>
      <c r="U32" s="221"/>
      <c r="V32" s="221"/>
      <c r="W32" s="221"/>
      <c r="X32" s="221"/>
      <c r="Y32" s="221"/>
      <c r="Z32" s="221"/>
      <c r="AA32" s="221"/>
      <c r="AB32" s="221"/>
      <c r="AC32" s="222"/>
      <c r="AD32" s="26"/>
      <c r="AG32" s="225"/>
      <c r="AH32" s="226"/>
      <c r="AI32" s="226"/>
      <c r="AJ32" s="226"/>
      <c r="AK32" s="226"/>
      <c r="AL32" s="226"/>
      <c r="AM32" s="226"/>
      <c r="AN32" s="226"/>
      <c r="AO32" s="226"/>
      <c r="AP32" s="226"/>
      <c r="AQ32" s="226"/>
      <c r="AR32" s="226"/>
      <c r="AS32" s="226"/>
      <c r="AT32" s="226"/>
      <c r="AU32" s="226"/>
      <c r="AV32" s="226"/>
      <c r="AW32" s="226"/>
      <c r="AX32" s="226"/>
      <c r="AY32" s="226"/>
      <c r="AZ32" s="226"/>
      <c r="BA32" s="226"/>
      <c r="BB32" s="226"/>
      <c r="BC32" s="226"/>
      <c r="BD32" s="226"/>
      <c r="BE32" s="226"/>
      <c r="BF32" s="226"/>
      <c r="BG32" s="227"/>
    </row>
    <row r="33" spans="2:59" ht="15" customHeight="1">
      <c r="D33" s="210"/>
      <c r="E33" s="211"/>
      <c r="F33" s="211"/>
      <c r="G33" s="211"/>
      <c r="H33" s="212"/>
      <c r="I33" s="218"/>
      <c r="J33" s="214"/>
      <c r="K33" s="214"/>
      <c r="L33" s="215"/>
      <c r="M33" s="38"/>
      <c r="N33" s="39"/>
      <c r="O33" s="39"/>
      <c r="P33" s="39"/>
      <c r="Q33" s="223"/>
      <c r="R33" s="223"/>
      <c r="S33" s="223"/>
      <c r="T33" s="223"/>
      <c r="U33" s="223"/>
      <c r="V33" s="223"/>
      <c r="W33" s="223"/>
      <c r="X33" s="223"/>
      <c r="Y33" s="223"/>
      <c r="Z33" s="223"/>
      <c r="AA33" s="223"/>
      <c r="AB33" s="223"/>
      <c r="AC33" s="224"/>
      <c r="AD33" s="26"/>
      <c r="AG33" s="228"/>
      <c r="AH33" s="229"/>
      <c r="AI33" s="229"/>
      <c r="AJ33" s="229"/>
      <c r="AK33" s="229"/>
      <c r="AL33" s="229"/>
      <c r="AM33" s="229"/>
      <c r="AN33" s="229"/>
      <c r="AO33" s="229"/>
      <c r="AP33" s="229"/>
      <c r="AQ33" s="229"/>
      <c r="AR33" s="229"/>
      <c r="AS33" s="229"/>
      <c r="AT33" s="229"/>
      <c r="AU33" s="229"/>
      <c r="AV33" s="229"/>
      <c r="AW33" s="229"/>
      <c r="AX33" s="229"/>
      <c r="AY33" s="229"/>
      <c r="AZ33" s="229"/>
      <c r="BA33" s="229"/>
      <c r="BB33" s="229"/>
      <c r="BC33" s="229"/>
      <c r="BD33" s="229"/>
      <c r="BE33" s="229"/>
      <c r="BF33" s="229"/>
      <c r="BG33" s="230"/>
    </row>
    <row r="34" spans="2:59" ht="15" customHeight="1">
      <c r="D34" s="210"/>
      <c r="E34" s="211"/>
      <c r="F34" s="211"/>
      <c r="G34" s="211"/>
      <c r="H34" s="212"/>
      <c r="I34" s="234" t="s">
        <v>201</v>
      </c>
      <c r="J34" s="235"/>
      <c r="K34" s="235"/>
      <c r="L34" s="236"/>
      <c r="M34" s="237"/>
      <c r="N34" s="238"/>
      <c r="O34" s="238"/>
      <c r="P34" s="238"/>
      <c r="Q34" s="238"/>
      <c r="R34" s="238"/>
      <c r="S34" s="238"/>
      <c r="T34" s="238"/>
      <c r="U34" s="238"/>
      <c r="V34" s="238"/>
      <c r="W34" s="238"/>
      <c r="X34" s="238"/>
      <c r="Y34" s="238"/>
      <c r="Z34" s="238"/>
      <c r="AA34" s="238"/>
      <c r="AB34" s="238"/>
      <c r="AC34" s="239"/>
      <c r="AD34" s="40"/>
      <c r="AG34" s="228"/>
      <c r="AH34" s="229"/>
      <c r="AI34" s="229"/>
      <c r="AJ34" s="229"/>
      <c r="AK34" s="229"/>
      <c r="AL34" s="229"/>
      <c r="AM34" s="229"/>
      <c r="AN34" s="229"/>
      <c r="AO34" s="229"/>
      <c r="AP34" s="229"/>
      <c r="AQ34" s="229"/>
      <c r="AR34" s="229"/>
      <c r="AS34" s="229"/>
      <c r="AT34" s="229"/>
      <c r="AU34" s="229"/>
      <c r="AV34" s="229"/>
      <c r="AW34" s="229"/>
      <c r="AX34" s="229"/>
      <c r="AY34" s="229"/>
      <c r="AZ34" s="229"/>
      <c r="BA34" s="229"/>
      <c r="BB34" s="229"/>
      <c r="BC34" s="229"/>
      <c r="BD34" s="229"/>
      <c r="BE34" s="229"/>
      <c r="BF34" s="229"/>
      <c r="BG34" s="230"/>
    </row>
    <row r="35" spans="2:59" ht="15" customHeight="1">
      <c r="D35" s="210"/>
      <c r="E35" s="211"/>
      <c r="F35" s="211"/>
      <c r="G35" s="211"/>
      <c r="H35" s="212"/>
      <c r="I35" s="217"/>
      <c r="J35" s="211"/>
      <c r="K35" s="211"/>
      <c r="L35" s="212"/>
      <c r="M35" s="237"/>
      <c r="N35" s="238"/>
      <c r="O35" s="238"/>
      <c r="P35" s="238"/>
      <c r="Q35" s="238"/>
      <c r="R35" s="238"/>
      <c r="S35" s="238"/>
      <c r="T35" s="238"/>
      <c r="U35" s="238"/>
      <c r="V35" s="238"/>
      <c r="W35" s="238"/>
      <c r="X35" s="238"/>
      <c r="Y35" s="238"/>
      <c r="Z35" s="238"/>
      <c r="AA35" s="238"/>
      <c r="AB35" s="238"/>
      <c r="AC35" s="239"/>
      <c r="AD35" s="40"/>
      <c r="AG35" s="228"/>
      <c r="AH35" s="229"/>
      <c r="AI35" s="229"/>
      <c r="AJ35" s="229"/>
      <c r="AK35" s="229"/>
      <c r="AL35" s="229"/>
      <c r="AM35" s="229"/>
      <c r="AN35" s="229"/>
      <c r="AO35" s="229"/>
      <c r="AP35" s="229"/>
      <c r="AQ35" s="229"/>
      <c r="AR35" s="229"/>
      <c r="AS35" s="229"/>
      <c r="AT35" s="229"/>
      <c r="AU35" s="229"/>
      <c r="AV35" s="229"/>
      <c r="AW35" s="229"/>
      <c r="AX35" s="229"/>
      <c r="AY35" s="229"/>
      <c r="AZ35" s="229"/>
      <c r="BA35" s="229"/>
      <c r="BB35" s="229"/>
      <c r="BC35" s="229"/>
      <c r="BD35" s="229"/>
      <c r="BE35" s="229"/>
      <c r="BF35" s="229"/>
      <c r="BG35" s="230"/>
    </row>
    <row r="36" spans="2:59" ht="15" customHeight="1">
      <c r="B36" s="41"/>
      <c r="C36" s="41"/>
      <c r="D36" s="210"/>
      <c r="E36" s="211"/>
      <c r="F36" s="211"/>
      <c r="G36" s="211"/>
      <c r="H36" s="212"/>
      <c r="I36" s="217"/>
      <c r="J36" s="211"/>
      <c r="K36" s="211"/>
      <c r="L36" s="212"/>
      <c r="M36" s="237"/>
      <c r="N36" s="238"/>
      <c r="O36" s="238"/>
      <c r="P36" s="238"/>
      <c r="Q36" s="238"/>
      <c r="R36" s="238"/>
      <c r="S36" s="238"/>
      <c r="T36" s="238"/>
      <c r="U36" s="238"/>
      <c r="V36" s="238"/>
      <c r="W36" s="238"/>
      <c r="X36" s="238"/>
      <c r="Y36" s="238"/>
      <c r="Z36" s="238"/>
      <c r="AA36" s="238"/>
      <c r="AB36" s="238"/>
      <c r="AC36" s="239"/>
      <c r="AD36" s="42"/>
      <c r="AG36" s="228"/>
      <c r="AH36" s="229"/>
      <c r="AI36" s="229"/>
      <c r="AJ36" s="229"/>
      <c r="AK36" s="229"/>
      <c r="AL36" s="229"/>
      <c r="AM36" s="229"/>
      <c r="AN36" s="229"/>
      <c r="AO36" s="229"/>
      <c r="AP36" s="229"/>
      <c r="AQ36" s="229"/>
      <c r="AR36" s="229"/>
      <c r="AS36" s="229"/>
      <c r="AT36" s="229"/>
      <c r="AU36" s="229"/>
      <c r="AV36" s="229"/>
      <c r="AW36" s="229"/>
      <c r="AX36" s="229"/>
      <c r="AY36" s="229"/>
      <c r="AZ36" s="229"/>
      <c r="BA36" s="229"/>
      <c r="BB36" s="229"/>
      <c r="BC36" s="229"/>
      <c r="BD36" s="229"/>
      <c r="BE36" s="229"/>
      <c r="BF36" s="229"/>
      <c r="BG36" s="230"/>
    </row>
    <row r="37" spans="2:59" ht="15" customHeight="1">
      <c r="B37" s="41"/>
      <c r="C37" s="41"/>
      <c r="D37" s="213"/>
      <c r="E37" s="214"/>
      <c r="F37" s="214"/>
      <c r="G37" s="214"/>
      <c r="H37" s="215"/>
      <c r="I37" s="217"/>
      <c r="J37" s="211"/>
      <c r="K37" s="211"/>
      <c r="L37" s="212"/>
      <c r="M37" s="237"/>
      <c r="N37" s="238"/>
      <c r="O37" s="238"/>
      <c r="P37" s="238"/>
      <c r="Q37" s="238"/>
      <c r="R37" s="238"/>
      <c r="S37" s="238"/>
      <c r="T37" s="238"/>
      <c r="U37" s="238"/>
      <c r="V37" s="238"/>
      <c r="W37" s="238"/>
      <c r="X37" s="238"/>
      <c r="Y37" s="238"/>
      <c r="Z37" s="238"/>
      <c r="AA37" s="238"/>
      <c r="AB37" s="238"/>
      <c r="AC37" s="239"/>
      <c r="AD37" s="42"/>
      <c r="AG37" s="228"/>
      <c r="AH37" s="229"/>
      <c r="AI37" s="229"/>
      <c r="AJ37" s="229"/>
      <c r="AK37" s="229"/>
      <c r="AL37" s="229"/>
      <c r="AM37" s="229"/>
      <c r="AN37" s="229"/>
      <c r="AO37" s="229"/>
      <c r="AP37" s="229"/>
      <c r="AQ37" s="229"/>
      <c r="AR37" s="229"/>
      <c r="AS37" s="229"/>
      <c r="AT37" s="229"/>
      <c r="AU37" s="229"/>
      <c r="AV37" s="229"/>
      <c r="AW37" s="229"/>
      <c r="AX37" s="229"/>
      <c r="AY37" s="229"/>
      <c r="AZ37" s="229"/>
      <c r="BA37" s="229"/>
      <c r="BB37" s="229"/>
      <c r="BC37" s="229"/>
      <c r="BD37" s="229"/>
      <c r="BE37" s="229"/>
      <c r="BF37" s="229"/>
      <c r="BG37" s="230"/>
    </row>
    <row r="38" spans="2:59" ht="16.5" customHeight="1">
      <c r="B38" s="41"/>
      <c r="C38" s="41"/>
      <c r="D38" s="268" t="s">
        <v>202</v>
      </c>
      <c r="E38" s="235"/>
      <c r="F38" s="235"/>
      <c r="G38" s="235"/>
      <c r="H38" s="236"/>
      <c r="I38" s="271"/>
      <c r="J38" s="272"/>
      <c r="K38" s="272"/>
      <c r="L38" s="272"/>
      <c r="M38" s="272"/>
      <c r="N38" s="272"/>
      <c r="O38" s="272"/>
      <c r="P38" s="272"/>
      <c r="Q38" s="272"/>
      <c r="R38" s="272"/>
      <c r="S38" s="272"/>
      <c r="T38" s="272"/>
      <c r="U38" s="272"/>
      <c r="V38" s="272"/>
      <c r="W38" s="272"/>
      <c r="X38" s="272"/>
      <c r="Y38" s="272"/>
      <c r="Z38" s="272"/>
      <c r="AA38" s="272"/>
      <c r="AB38" s="272"/>
      <c r="AC38" s="273"/>
      <c r="AD38" s="42"/>
      <c r="AG38" s="228"/>
      <c r="AH38" s="229"/>
      <c r="AI38" s="229"/>
      <c r="AJ38" s="229"/>
      <c r="AK38" s="229"/>
      <c r="AL38" s="229"/>
      <c r="AM38" s="229"/>
      <c r="AN38" s="229"/>
      <c r="AO38" s="229"/>
      <c r="AP38" s="229"/>
      <c r="AQ38" s="229"/>
      <c r="AR38" s="229"/>
      <c r="AS38" s="229"/>
      <c r="AT38" s="229"/>
      <c r="AU38" s="229"/>
      <c r="AV38" s="229"/>
      <c r="AW38" s="229"/>
      <c r="AX38" s="229"/>
      <c r="AY38" s="229"/>
      <c r="AZ38" s="229"/>
      <c r="BA38" s="229"/>
      <c r="BB38" s="229"/>
      <c r="BC38" s="229"/>
      <c r="BD38" s="229"/>
      <c r="BE38" s="229"/>
      <c r="BF38" s="229"/>
      <c r="BG38" s="230"/>
    </row>
    <row r="39" spans="2:59" ht="16.5" customHeight="1">
      <c r="B39" s="43"/>
      <c r="C39" s="43"/>
      <c r="D39" s="269"/>
      <c r="E39" s="211"/>
      <c r="F39" s="211"/>
      <c r="G39" s="211"/>
      <c r="H39" s="212"/>
      <c r="I39" s="274"/>
      <c r="J39" s="275"/>
      <c r="K39" s="275"/>
      <c r="L39" s="275"/>
      <c r="M39" s="275"/>
      <c r="N39" s="275"/>
      <c r="O39" s="275"/>
      <c r="P39" s="275"/>
      <c r="Q39" s="275"/>
      <c r="R39" s="275"/>
      <c r="S39" s="275"/>
      <c r="T39" s="275"/>
      <c r="U39" s="275"/>
      <c r="V39" s="275"/>
      <c r="W39" s="275"/>
      <c r="X39" s="275"/>
      <c r="Y39" s="275"/>
      <c r="Z39" s="275"/>
      <c r="AA39" s="275"/>
      <c r="AB39" s="275"/>
      <c r="AC39" s="276"/>
      <c r="AD39" s="42"/>
      <c r="AG39" s="228"/>
      <c r="AH39" s="229"/>
      <c r="AI39" s="229"/>
      <c r="AJ39" s="229"/>
      <c r="AK39" s="229"/>
      <c r="AL39" s="229"/>
      <c r="AM39" s="229"/>
      <c r="AN39" s="229"/>
      <c r="AO39" s="229"/>
      <c r="AP39" s="229"/>
      <c r="AQ39" s="229"/>
      <c r="AR39" s="229"/>
      <c r="AS39" s="229"/>
      <c r="AT39" s="229"/>
      <c r="AU39" s="229"/>
      <c r="AV39" s="229"/>
      <c r="AW39" s="229"/>
      <c r="AX39" s="229"/>
      <c r="AY39" s="229"/>
      <c r="AZ39" s="229"/>
      <c r="BA39" s="229"/>
      <c r="BB39" s="229"/>
      <c r="BC39" s="229"/>
      <c r="BD39" s="229"/>
      <c r="BE39" s="229"/>
      <c r="BF39" s="229"/>
      <c r="BG39" s="230"/>
    </row>
    <row r="40" spans="2:59" ht="16.5" customHeight="1">
      <c r="D40" s="269"/>
      <c r="E40" s="211"/>
      <c r="F40" s="211"/>
      <c r="G40" s="211"/>
      <c r="H40" s="212"/>
      <c r="I40" s="274"/>
      <c r="J40" s="275"/>
      <c r="K40" s="275"/>
      <c r="L40" s="275"/>
      <c r="M40" s="275"/>
      <c r="N40" s="275"/>
      <c r="O40" s="275"/>
      <c r="P40" s="275"/>
      <c r="Q40" s="275"/>
      <c r="R40" s="275"/>
      <c r="S40" s="275"/>
      <c r="T40" s="275"/>
      <c r="U40" s="275"/>
      <c r="V40" s="275"/>
      <c r="W40" s="275"/>
      <c r="X40" s="275"/>
      <c r="Y40" s="275"/>
      <c r="Z40" s="275"/>
      <c r="AA40" s="275"/>
      <c r="AB40" s="275"/>
      <c r="AC40" s="276"/>
      <c r="AD40" s="44"/>
      <c r="AG40" s="228"/>
      <c r="AH40" s="229"/>
      <c r="AI40" s="229"/>
      <c r="AJ40" s="229"/>
      <c r="AK40" s="229"/>
      <c r="AL40" s="229"/>
      <c r="AM40" s="229"/>
      <c r="AN40" s="229"/>
      <c r="AO40" s="229"/>
      <c r="AP40" s="229"/>
      <c r="AQ40" s="229"/>
      <c r="AR40" s="229"/>
      <c r="AS40" s="229"/>
      <c r="AT40" s="229"/>
      <c r="AU40" s="229"/>
      <c r="AV40" s="229"/>
      <c r="AW40" s="229"/>
      <c r="AX40" s="229"/>
      <c r="AY40" s="229"/>
      <c r="AZ40" s="229"/>
      <c r="BA40" s="229"/>
      <c r="BB40" s="229"/>
      <c r="BC40" s="229"/>
      <c r="BD40" s="229"/>
      <c r="BE40" s="229"/>
      <c r="BF40" s="229"/>
      <c r="BG40" s="230"/>
    </row>
    <row r="41" spans="2:59" ht="16.5" customHeight="1">
      <c r="D41" s="270"/>
      <c r="E41" s="214"/>
      <c r="F41" s="214"/>
      <c r="G41" s="214"/>
      <c r="H41" s="215"/>
      <c r="I41" s="277"/>
      <c r="J41" s="278"/>
      <c r="K41" s="278"/>
      <c r="L41" s="278"/>
      <c r="M41" s="278"/>
      <c r="N41" s="278"/>
      <c r="O41" s="278"/>
      <c r="P41" s="278"/>
      <c r="Q41" s="278"/>
      <c r="R41" s="278"/>
      <c r="S41" s="278"/>
      <c r="T41" s="278"/>
      <c r="U41" s="278"/>
      <c r="V41" s="278"/>
      <c r="W41" s="278"/>
      <c r="X41" s="278"/>
      <c r="Y41" s="278"/>
      <c r="Z41" s="278"/>
      <c r="AA41" s="278"/>
      <c r="AB41" s="278"/>
      <c r="AC41" s="279"/>
      <c r="AD41" s="44"/>
      <c r="AG41" s="228"/>
      <c r="AH41" s="229"/>
      <c r="AI41" s="229"/>
      <c r="AJ41" s="229"/>
      <c r="AK41" s="229"/>
      <c r="AL41" s="229"/>
      <c r="AM41" s="229"/>
      <c r="AN41" s="229"/>
      <c r="AO41" s="229"/>
      <c r="AP41" s="229"/>
      <c r="AQ41" s="229"/>
      <c r="AR41" s="229"/>
      <c r="AS41" s="229"/>
      <c r="AT41" s="229"/>
      <c r="AU41" s="229"/>
      <c r="AV41" s="229"/>
      <c r="AW41" s="229"/>
      <c r="AX41" s="229"/>
      <c r="AY41" s="229"/>
      <c r="AZ41" s="229"/>
      <c r="BA41" s="229"/>
      <c r="BB41" s="229"/>
      <c r="BC41" s="229"/>
      <c r="BD41" s="229"/>
      <c r="BE41" s="229"/>
      <c r="BF41" s="229"/>
      <c r="BG41" s="230"/>
    </row>
    <row r="42" spans="2:59" ht="16.5" customHeight="1">
      <c r="D42" s="280" t="s">
        <v>203</v>
      </c>
      <c r="E42" s="235"/>
      <c r="F42" s="235"/>
      <c r="G42" s="235"/>
      <c r="H42" s="236"/>
      <c r="I42" s="274"/>
      <c r="J42" s="275"/>
      <c r="K42" s="275"/>
      <c r="L42" s="275"/>
      <c r="M42" s="275"/>
      <c r="N42" s="275"/>
      <c r="O42" s="275"/>
      <c r="P42" s="275"/>
      <c r="Q42" s="275"/>
      <c r="R42" s="275"/>
      <c r="S42" s="275"/>
      <c r="T42" s="275"/>
      <c r="U42" s="275"/>
      <c r="V42" s="275"/>
      <c r="W42" s="275"/>
      <c r="X42" s="275"/>
      <c r="Y42" s="275"/>
      <c r="Z42" s="275"/>
      <c r="AA42" s="275"/>
      <c r="AB42" s="275"/>
      <c r="AC42" s="276"/>
      <c r="AD42" s="44"/>
      <c r="AG42" s="228"/>
      <c r="AH42" s="229"/>
      <c r="AI42" s="229"/>
      <c r="AJ42" s="229"/>
      <c r="AK42" s="229"/>
      <c r="AL42" s="229"/>
      <c r="AM42" s="229"/>
      <c r="AN42" s="229"/>
      <c r="AO42" s="229"/>
      <c r="AP42" s="229"/>
      <c r="AQ42" s="229"/>
      <c r="AR42" s="229"/>
      <c r="AS42" s="229"/>
      <c r="AT42" s="229"/>
      <c r="AU42" s="229"/>
      <c r="AV42" s="229"/>
      <c r="AW42" s="229"/>
      <c r="AX42" s="229"/>
      <c r="AY42" s="229"/>
      <c r="AZ42" s="229"/>
      <c r="BA42" s="229"/>
      <c r="BB42" s="229"/>
      <c r="BC42" s="229"/>
      <c r="BD42" s="229"/>
      <c r="BE42" s="229"/>
      <c r="BF42" s="229"/>
      <c r="BG42" s="230"/>
    </row>
    <row r="43" spans="2:59" ht="16.5" customHeight="1">
      <c r="D43" s="269"/>
      <c r="E43" s="211"/>
      <c r="F43" s="211"/>
      <c r="G43" s="211"/>
      <c r="H43" s="212"/>
      <c r="I43" s="274"/>
      <c r="J43" s="275"/>
      <c r="K43" s="275"/>
      <c r="L43" s="275"/>
      <c r="M43" s="275"/>
      <c r="N43" s="275"/>
      <c r="O43" s="275"/>
      <c r="P43" s="275"/>
      <c r="Q43" s="275"/>
      <c r="R43" s="275"/>
      <c r="S43" s="275"/>
      <c r="T43" s="275"/>
      <c r="U43" s="275"/>
      <c r="V43" s="275"/>
      <c r="W43" s="275"/>
      <c r="X43" s="275"/>
      <c r="Y43" s="275"/>
      <c r="Z43" s="275"/>
      <c r="AA43" s="275"/>
      <c r="AB43" s="275"/>
      <c r="AC43" s="276"/>
      <c r="AD43" s="44"/>
      <c r="AG43" s="231"/>
      <c r="AH43" s="232"/>
      <c r="AI43" s="232"/>
      <c r="AJ43" s="232"/>
      <c r="AK43" s="232"/>
      <c r="AL43" s="232"/>
      <c r="AM43" s="232"/>
      <c r="AN43" s="232"/>
      <c r="AO43" s="232"/>
      <c r="AP43" s="232"/>
      <c r="AQ43" s="232"/>
      <c r="AR43" s="232"/>
      <c r="AS43" s="232"/>
      <c r="AT43" s="232"/>
      <c r="AU43" s="232"/>
      <c r="AV43" s="232"/>
      <c r="AW43" s="232"/>
      <c r="AX43" s="232"/>
      <c r="AY43" s="232"/>
      <c r="AZ43" s="232"/>
      <c r="BA43" s="232"/>
      <c r="BB43" s="232"/>
      <c r="BC43" s="232"/>
      <c r="BD43" s="232"/>
      <c r="BE43" s="232"/>
      <c r="BF43" s="232"/>
      <c r="BG43" s="233"/>
    </row>
    <row r="44" spans="2:59" ht="16.5" customHeight="1">
      <c r="D44" s="269"/>
      <c r="E44" s="211"/>
      <c r="F44" s="211"/>
      <c r="G44" s="211"/>
      <c r="H44" s="212"/>
      <c r="I44" s="274"/>
      <c r="J44" s="275"/>
      <c r="K44" s="275"/>
      <c r="L44" s="275"/>
      <c r="M44" s="275"/>
      <c r="N44" s="275"/>
      <c r="O44" s="275"/>
      <c r="P44" s="275"/>
      <c r="Q44" s="275"/>
      <c r="R44" s="275"/>
      <c r="S44" s="275"/>
      <c r="T44" s="275"/>
      <c r="U44" s="275"/>
      <c r="V44" s="275"/>
      <c r="W44" s="275"/>
      <c r="X44" s="275"/>
      <c r="Y44" s="275"/>
      <c r="Z44" s="275"/>
      <c r="AA44" s="275"/>
      <c r="AB44" s="275"/>
      <c r="AC44" s="276"/>
      <c r="AD44" s="44"/>
      <c r="AG44" s="124" t="s">
        <v>204</v>
      </c>
      <c r="AH44" s="125"/>
      <c r="AI44" s="125"/>
      <c r="AJ44" s="125"/>
      <c r="AK44" s="125"/>
      <c r="AL44" s="125"/>
      <c r="AM44" s="125"/>
      <c r="AN44" s="125"/>
      <c r="AO44" s="125"/>
      <c r="AP44" s="125"/>
      <c r="AQ44" s="125"/>
      <c r="AR44" s="125"/>
      <c r="AS44" s="125"/>
      <c r="AT44" s="125"/>
      <c r="AU44" s="125"/>
      <c r="AV44" s="125"/>
      <c r="AW44" s="125"/>
      <c r="AX44" s="125"/>
      <c r="AY44" s="125"/>
      <c r="AZ44" s="125"/>
      <c r="BA44" s="125"/>
      <c r="BB44" s="125"/>
      <c r="BC44" s="125"/>
      <c r="BD44" s="125"/>
      <c r="BE44" s="125"/>
      <c r="BF44" s="125"/>
      <c r="BG44" s="126"/>
    </row>
    <row r="45" spans="2:59" ht="16.5" customHeight="1" thickBot="1">
      <c r="D45" s="281"/>
      <c r="E45" s="282"/>
      <c r="F45" s="282"/>
      <c r="G45" s="282"/>
      <c r="H45" s="283"/>
      <c r="I45" s="284"/>
      <c r="J45" s="285"/>
      <c r="K45" s="285"/>
      <c r="L45" s="285"/>
      <c r="M45" s="285"/>
      <c r="N45" s="285"/>
      <c r="O45" s="285"/>
      <c r="P45" s="285"/>
      <c r="Q45" s="285"/>
      <c r="R45" s="285"/>
      <c r="S45" s="285"/>
      <c r="T45" s="285"/>
      <c r="U45" s="285"/>
      <c r="V45" s="285"/>
      <c r="W45" s="285"/>
      <c r="X45" s="285"/>
      <c r="Y45" s="285"/>
      <c r="Z45" s="285"/>
      <c r="AA45" s="285"/>
      <c r="AB45" s="285"/>
      <c r="AC45" s="286"/>
      <c r="AD45" s="44"/>
      <c r="AG45" s="127" t="s">
        <v>161</v>
      </c>
      <c r="AH45" s="128"/>
      <c r="AI45" s="128"/>
      <c r="AJ45" s="128"/>
      <c r="AK45" s="128"/>
      <c r="AL45" s="128"/>
      <c r="AM45" s="128"/>
      <c r="AN45" s="128"/>
      <c r="AO45" s="128"/>
      <c r="AP45" s="131" t="s">
        <v>161</v>
      </c>
      <c r="AQ45" s="128"/>
      <c r="AR45" s="128"/>
      <c r="AS45" s="128"/>
      <c r="AT45" s="128"/>
      <c r="AU45" s="128"/>
      <c r="AV45" s="128"/>
      <c r="AW45" s="128"/>
      <c r="AX45" s="132"/>
      <c r="AY45" s="131" t="s">
        <v>161</v>
      </c>
      <c r="AZ45" s="128"/>
      <c r="BA45" s="128"/>
      <c r="BB45" s="128"/>
      <c r="BC45" s="128"/>
      <c r="BD45" s="128"/>
      <c r="BE45" s="128"/>
      <c r="BF45" s="128"/>
      <c r="BG45" s="135"/>
    </row>
    <row r="46" spans="2:59" ht="15" customHeight="1">
      <c r="D46" s="136" t="s">
        <v>205</v>
      </c>
      <c r="E46" s="136"/>
      <c r="F46" s="136"/>
      <c r="G46" s="136"/>
      <c r="H46" s="136"/>
      <c r="I46" s="136"/>
      <c r="J46" s="136"/>
      <c r="K46" s="136"/>
      <c r="L46" s="136"/>
      <c r="M46" s="136"/>
      <c r="N46" s="136"/>
      <c r="O46" s="136"/>
      <c r="P46" s="136"/>
      <c r="Q46" s="136"/>
      <c r="R46" s="136"/>
      <c r="S46" s="136"/>
      <c r="T46" s="136"/>
      <c r="U46" s="136"/>
      <c r="V46" s="136"/>
      <c r="W46" s="136"/>
      <c r="X46" s="136"/>
      <c r="Y46" s="136"/>
      <c r="Z46" s="136"/>
      <c r="AA46" s="136"/>
      <c r="AB46" s="136"/>
      <c r="AC46" s="10"/>
      <c r="AD46" s="44"/>
      <c r="AG46" s="127"/>
      <c r="AH46" s="128"/>
      <c r="AI46" s="128"/>
      <c r="AJ46" s="128"/>
      <c r="AK46" s="128"/>
      <c r="AL46" s="128"/>
      <c r="AM46" s="128"/>
      <c r="AN46" s="128"/>
      <c r="AO46" s="128"/>
      <c r="AP46" s="131"/>
      <c r="AQ46" s="128"/>
      <c r="AR46" s="128"/>
      <c r="AS46" s="128"/>
      <c r="AT46" s="128"/>
      <c r="AU46" s="128"/>
      <c r="AV46" s="128"/>
      <c r="AW46" s="128"/>
      <c r="AX46" s="132"/>
      <c r="AY46" s="131"/>
      <c r="AZ46" s="128"/>
      <c r="BA46" s="128"/>
      <c r="BB46" s="128"/>
      <c r="BC46" s="128"/>
      <c r="BD46" s="128"/>
      <c r="BE46" s="128"/>
      <c r="BF46" s="128"/>
      <c r="BG46" s="135"/>
    </row>
    <row r="47" spans="2:59" ht="15" customHeight="1" thickBot="1">
      <c r="D47" s="137"/>
      <c r="E47" s="137"/>
      <c r="F47" s="137"/>
      <c r="G47" s="137"/>
      <c r="H47" s="137"/>
      <c r="I47" s="137"/>
      <c r="J47" s="137"/>
      <c r="K47" s="137"/>
      <c r="L47" s="137"/>
      <c r="M47" s="137"/>
      <c r="N47" s="137"/>
      <c r="O47" s="137"/>
      <c r="P47" s="137"/>
      <c r="Q47" s="136"/>
      <c r="R47" s="136"/>
      <c r="S47" s="136"/>
      <c r="T47" s="136"/>
      <c r="U47" s="136"/>
      <c r="V47" s="136"/>
      <c r="W47" s="136"/>
      <c r="X47" s="136"/>
      <c r="Y47" s="136"/>
      <c r="Z47" s="136"/>
      <c r="AA47" s="136"/>
      <c r="AB47" s="136"/>
      <c r="AC47" s="10"/>
      <c r="AD47" s="9"/>
      <c r="AG47" s="127"/>
      <c r="AH47" s="128"/>
      <c r="AI47" s="128"/>
      <c r="AJ47" s="128"/>
      <c r="AK47" s="128"/>
      <c r="AL47" s="128"/>
      <c r="AM47" s="128"/>
      <c r="AN47" s="128"/>
      <c r="AO47" s="128"/>
      <c r="AP47" s="131"/>
      <c r="AQ47" s="128"/>
      <c r="AR47" s="128"/>
      <c r="AS47" s="128"/>
      <c r="AT47" s="128"/>
      <c r="AU47" s="128"/>
      <c r="AV47" s="128"/>
      <c r="AW47" s="128"/>
      <c r="AX47" s="132"/>
      <c r="AY47" s="131"/>
      <c r="AZ47" s="128"/>
      <c r="BA47" s="128"/>
      <c r="BB47" s="128"/>
      <c r="BC47" s="128"/>
      <c r="BD47" s="128"/>
      <c r="BE47" s="128"/>
      <c r="BF47" s="128"/>
      <c r="BG47" s="135"/>
    </row>
    <row r="48" spans="2:59" ht="15" customHeight="1">
      <c r="D48" s="138" t="s">
        <v>206</v>
      </c>
      <c r="E48" s="139"/>
      <c r="F48" s="139"/>
      <c r="G48" s="139"/>
      <c r="H48" s="139"/>
      <c r="I48" s="139"/>
      <c r="J48" s="139"/>
      <c r="K48" s="139"/>
      <c r="L48" s="139"/>
      <c r="M48" s="139"/>
      <c r="N48" s="139"/>
      <c r="O48" s="139"/>
      <c r="P48" s="140"/>
      <c r="Q48" s="138" t="s">
        <v>207</v>
      </c>
      <c r="R48" s="139"/>
      <c r="S48" s="139"/>
      <c r="T48" s="139"/>
      <c r="U48" s="139"/>
      <c r="V48" s="139"/>
      <c r="W48" s="139"/>
      <c r="X48" s="139"/>
      <c r="Y48" s="139"/>
      <c r="Z48" s="139"/>
      <c r="AA48" s="139"/>
      <c r="AB48" s="139"/>
      <c r="AC48" s="140"/>
      <c r="AD48" s="10"/>
      <c r="AG48" s="127"/>
      <c r="AH48" s="128"/>
      <c r="AI48" s="128"/>
      <c r="AJ48" s="128"/>
      <c r="AK48" s="128"/>
      <c r="AL48" s="128"/>
      <c r="AM48" s="128"/>
      <c r="AN48" s="128"/>
      <c r="AO48" s="128"/>
      <c r="AP48" s="131"/>
      <c r="AQ48" s="128"/>
      <c r="AR48" s="128"/>
      <c r="AS48" s="128"/>
      <c r="AT48" s="128"/>
      <c r="AU48" s="128"/>
      <c r="AV48" s="128"/>
      <c r="AW48" s="128"/>
      <c r="AX48" s="132"/>
      <c r="AY48" s="131"/>
      <c r="AZ48" s="128"/>
      <c r="BA48" s="128"/>
      <c r="BB48" s="128"/>
      <c r="BC48" s="128"/>
      <c r="BD48" s="128"/>
      <c r="BE48" s="128"/>
      <c r="BF48" s="128"/>
      <c r="BG48" s="135"/>
    </row>
    <row r="49" spans="1:59" ht="15" customHeight="1">
      <c r="D49" s="141"/>
      <c r="E49" s="142"/>
      <c r="F49" s="142"/>
      <c r="G49" s="142"/>
      <c r="H49" s="142"/>
      <c r="I49" s="142"/>
      <c r="J49" s="142"/>
      <c r="K49" s="142"/>
      <c r="L49" s="142"/>
      <c r="M49" s="142"/>
      <c r="N49" s="142"/>
      <c r="O49" s="142"/>
      <c r="P49" s="143"/>
      <c r="Q49" s="141"/>
      <c r="R49" s="142"/>
      <c r="S49" s="142"/>
      <c r="T49" s="142"/>
      <c r="U49" s="142"/>
      <c r="V49" s="142"/>
      <c r="W49" s="142"/>
      <c r="X49" s="142"/>
      <c r="Y49" s="142"/>
      <c r="Z49" s="142"/>
      <c r="AA49" s="142"/>
      <c r="AB49" s="142"/>
      <c r="AC49" s="143"/>
      <c r="AD49" s="10"/>
      <c r="AG49" s="127"/>
      <c r="AH49" s="128"/>
      <c r="AI49" s="128"/>
      <c r="AJ49" s="128"/>
      <c r="AK49" s="128"/>
      <c r="AL49" s="128"/>
      <c r="AM49" s="128"/>
      <c r="AN49" s="128"/>
      <c r="AO49" s="128"/>
      <c r="AP49" s="131"/>
      <c r="AQ49" s="128"/>
      <c r="AR49" s="128"/>
      <c r="AS49" s="128"/>
      <c r="AT49" s="128"/>
      <c r="AU49" s="128"/>
      <c r="AV49" s="128"/>
      <c r="AW49" s="128"/>
      <c r="AX49" s="132"/>
      <c r="AY49" s="131"/>
      <c r="AZ49" s="128"/>
      <c r="BA49" s="128"/>
      <c r="BB49" s="128"/>
      <c r="BC49" s="128"/>
      <c r="BD49" s="128"/>
      <c r="BE49" s="128"/>
      <c r="BF49" s="128"/>
      <c r="BG49" s="135"/>
    </row>
    <row r="50" spans="1:59" ht="15" customHeight="1">
      <c r="D50" s="141"/>
      <c r="E50" s="142"/>
      <c r="F50" s="142"/>
      <c r="G50" s="142"/>
      <c r="H50" s="142"/>
      <c r="I50" s="142"/>
      <c r="J50" s="142"/>
      <c r="K50" s="142"/>
      <c r="L50" s="142"/>
      <c r="M50" s="142"/>
      <c r="N50" s="142"/>
      <c r="O50" s="142"/>
      <c r="P50" s="143"/>
      <c r="Q50" s="141"/>
      <c r="R50" s="142"/>
      <c r="S50" s="142"/>
      <c r="T50" s="142"/>
      <c r="U50" s="142"/>
      <c r="V50" s="142"/>
      <c r="W50" s="142"/>
      <c r="X50" s="142"/>
      <c r="Y50" s="142"/>
      <c r="Z50" s="142"/>
      <c r="AA50" s="142"/>
      <c r="AB50" s="142"/>
      <c r="AC50" s="143"/>
      <c r="AD50" s="45"/>
      <c r="AG50" s="127"/>
      <c r="AH50" s="128"/>
      <c r="AI50" s="128"/>
      <c r="AJ50" s="128"/>
      <c r="AK50" s="128"/>
      <c r="AL50" s="128"/>
      <c r="AM50" s="128"/>
      <c r="AN50" s="128"/>
      <c r="AO50" s="128"/>
      <c r="AP50" s="131"/>
      <c r="AQ50" s="128"/>
      <c r="AR50" s="128"/>
      <c r="AS50" s="128"/>
      <c r="AT50" s="128"/>
      <c r="AU50" s="128"/>
      <c r="AV50" s="128"/>
      <c r="AW50" s="128"/>
      <c r="AX50" s="132"/>
      <c r="AY50" s="131"/>
      <c r="AZ50" s="128"/>
      <c r="BA50" s="128"/>
      <c r="BB50" s="128"/>
      <c r="BC50" s="128"/>
      <c r="BD50" s="128"/>
      <c r="BE50" s="128"/>
      <c r="BF50" s="128"/>
      <c r="BG50" s="135"/>
    </row>
    <row r="51" spans="1:59" ht="15" customHeight="1">
      <c r="D51" s="141"/>
      <c r="E51" s="142"/>
      <c r="F51" s="142"/>
      <c r="G51" s="142"/>
      <c r="H51" s="142"/>
      <c r="I51" s="142"/>
      <c r="J51" s="142"/>
      <c r="K51" s="142"/>
      <c r="L51" s="142"/>
      <c r="M51" s="142"/>
      <c r="N51" s="142"/>
      <c r="O51" s="142"/>
      <c r="P51" s="143"/>
      <c r="Q51" s="141"/>
      <c r="R51" s="142"/>
      <c r="S51" s="142"/>
      <c r="T51" s="142"/>
      <c r="U51" s="142"/>
      <c r="V51" s="142"/>
      <c r="W51" s="142"/>
      <c r="X51" s="142"/>
      <c r="Y51" s="142"/>
      <c r="Z51" s="142"/>
      <c r="AA51" s="142"/>
      <c r="AB51" s="142"/>
      <c r="AC51" s="143"/>
      <c r="AD51" s="45"/>
      <c r="AG51" s="127"/>
      <c r="AH51" s="128"/>
      <c r="AI51" s="128"/>
      <c r="AJ51" s="128"/>
      <c r="AK51" s="128"/>
      <c r="AL51" s="128"/>
      <c r="AM51" s="128"/>
      <c r="AN51" s="128"/>
      <c r="AO51" s="128"/>
      <c r="AP51" s="131"/>
      <c r="AQ51" s="128"/>
      <c r="AR51" s="128"/>
      <c r="AS51" s="128"/>
      <c r="AT51" s="128"/>
      <c r="AU51" s="128"/>
      <c r="AV51" s="128"/>
      <c r="AW51" s="128"/>
      <c r="AX51" s="132"/>
      <c r="AY51" s="131"/>
      <c r="AZ51" s="128"/>
      <c r="BA51" s="128"/>
      <c r="BB51" s="128"/>
      <c r="BC51" s="128"/>
      <c r="BD51" s="128"/>
      <c r="BE51" s="128"/>
      <c r="BF51" s="128"/>
      <c r="BG51" s="135"/>
    </row>
    <row r="52" spans="1:59" ht="15" customHeight="1">
      <c r="D52" s="141"/>
      <c r="E52" s="142"/>
      <c r="F52" s="142"/>
      <c r="G52" s="142"/>
      <c r="H52" s="142"/>
      <c r="I52" s="142"/>
      <c r="J52" s="142"/>
      <c r="K52" s="142"/>
      <c r="L52" s="142"/>
      <c r="M52" s="142"/>
      <c r="N52" s="142"/>
      <c r="O52" s="142"/>
      <c r="P52" s="143"/>
      <c r="Q52" s="141"/>
      <c r="R52" s="142"/>
      <c r="S52" s="142"/>
      <c r="T52" s="142"/>
      <c r="U52" s="142"/>
      <c r="V52" s="142"/>
      <c r="W52" s="142"/>
      <c r="X52" s="142"/>
      <c r="Y52" s="142"/>
      <c r="Z52" s="142"/>
      <c r="AA52" s="142"/>
      <c r="AB52" s="142"/>
      <c r="AC52" s="143"/>
      <c r="AD52" s="45"/>
      <c r="AG52" s="127"/>
      <c r="AH52" s="128"/>
      <c r="AI52" s="128"/>
      <c r="AJ52" s="128"/>
      <c r="AK52" s="128"/>
      <c r="AL52" s="128"/>
      <c r="AM52" s="128"/>
      <c r="AN52" s="128"/>
      <c r="AO52" s="128"/>
      <c r="AP52" s="131"/>
      <c r="AQ52" s="128"/>
      <c r="AR52" s="128"/>
      <c r="AS52" s="128"/>
      <c r="AT52" s="128"/>
      <c r="AU52" s="128"/>
      <c r="AV52" s="128"/>
      <c r="AW52" s="128"/>
      <c r="AX52" s="132"/>
      <c r="AY52" s="131"/>
      <c r="AZ52" s="128"/>
      <c r="BA52" s="128"/>
      <c r="BB52" s="128"/>
      <c r="BC52" s="128"/>
      <c r="BD52" s="128"/>
      <c r="BE52" s="128"/>
      <c r="BF52" s="128"/>
      <c r="BG52" s="135"/>
    </row>
    <row r="53" spans="1:59" ht="15" customHeight="1">
      <c r="D53" s="141"/>
      <c r="E53" s="142"/>
      <c r="F53" s="142"/>
      <c r="G53" s="142"/>
      <c r="H53" s="142"/>
      <c r="I53" s="142"/>
      <c r="J53" s="142"/>
      <c r="K53" s="142"/>
      <c r="L53" s="142"/>
      <c r="M53" s="142"/>
      <c r="N53" s="142"/>
      <c r="O53" s="142"/>
      <c r="P53" s="143"/>
      <c r="Q53" s="141"/>
      <c r="R53" s="142"/>
      <c r="S53" s="142"/>
      <c r="T53" s="142"/>
      <c r="U53" s="142"/>
      <c r="V53" s="142"/>
      <c r="W53" s="142"/>
      <c r="X53" s="142"/>
      <c r="Y53" s="142"/>
      <c r="Z53" s="142"/>
      <c r="AA53" s="142"/>
      <c r="AB53" s="142"/>
      <c r="AC53" s="143"/>
      <c r="AD53" s="45"/>
      <c r="AG53" s="127"/>
      <c r="AH53" s="128"/>
      <c r="AI53" s="128"/>
      <c r="AJ53" s="128"/>
      <c r="AK53" s="128"/>
      <c r="AL53" s="128"/>
      <c r="AM53" s="128"/>
      <c r="AN53" s="128"/>
      <c r="AO53" s="128"/>
      <c r="AP53" s="131"/>
      <c r="AQ53" s="128"/>
      <c r="AR53" s="128"/>
      <c r="AS53" s="128"/>
      <c r="AT53" s="128"/>
      <c r="AU53" s="128"/>
      <c r="AV53" s="128"/>
      <c r="AW53" s="128"/>
      <c r="AX53" s="132"/>
      <c r="AY53" s="131"/>
      <c r="AZ53" s="128"/>
      <c r="BA53" s="128"/>
      <c r="BB53" s="128"/>
      <c r="BC53" s="128"/>
      <c r="BD53" s="128"/>
      <c r="BE53" s="128"/>
      <c r="BF53" s="128"/>
      <c r="BG53" s="135"/>
    </row>
    <row r="54" spans="1:59" ht="15" customHeight="1">
      <c r="D54" s="141"/>
      <c r="E54" s="142"/>
      <c r="F54" s="142"/>
      <c r="G54" s="142"/>
      <c r="H54" s="142"/>
      <c r="I54" s="142"/>
      <c r="J54" s="142"/>
      <c r="K54" s="142"/>
      <c r="L54" s="142"/>
      <c r="M54" s="142"/>
      <c r="N54" s="142"/>
      <c r="O54" s="142"/>
      <c r="P54" s="143"/>
      <c r="Q54" s="141"/>
      <c r="R54" s="142"/>
      <c r="S54" s="142"/>
      <c r="T54" s="142"/>
      <c r="U54" s="142"/>
      <c r="V54" s="142"/>
      <c r="W54" s="142"/>
      <c r="X54" s="142"/>
      <c r="Y54" s="142"/>
      <c r="Z54" s="142"/>
      <c r="AA54" s="142"/>
      <c r="AB54" s="142"/>
      <c r="AC54" s="143"/>
      <c r="AD54" s="45"/>
      <c r="AG54" s="129"/>
      <c r="AH54" s="130"/>
      <c r="AI54" s="130"/>
      <c r="AJ54" s="130"/>
      <c r="AK54" s="130"/>
      <c r="AL54" s="130"/>
      <c r="AM54" s="130"/>
      <c r="AN54" s="130"/>
      <c r="AO54" s="130"/>
      <c r="AP54" s="133"/>
      <c r="AQ54" s="130"/>
      <c r="AR54" s="130"/>
      <c r="AS54" s="130"/>
      <c r="AT54" s="130"/>
      <c r="AU54" s="130"/>
      <c r="AV54" s="130"/>
      <c r="AW54" s="130"/>
      <c r="AX54" s="134"/>
      <c r="AY54" s="131"/>
      <c r="AZ54" s="128"/>
      <c r="BA54" s="128"/>
      <c r="BB54" s="128"/>
      <c r="BC54" s="128"/>
      <c r="BD54" s="128"/>
      <c r="BE54" s="128"/>
      <c r="BF54" s="128"/>
      <c r="BG54" s="135"/>
    </row>
    <row r="55" spans="1:59" ht="16.5" customHeight="1" thickBot="1">
      <c r="A55" s="3">
        <v>0</v>
      </c>
      <c r="D55" s="141"/>
      <c r="E55" s="142"/>
      <c r="F55" s="142"/>
      <c r="G55" s="142"/>
      <c r="H55" s="142"/>
      <c r="I55" s="142"/>
      <c r="J55" s="142"/>
      <c r="K55" s="142"/>
      <c r="L55" s="142"/>
      <c r="M55" s="142"/>
      <c r="N55" s="142"/>
      <c r="O55" s="142"/>
      <c r="P55" s="143"/>
      <c r="Q55" s="141"/>
      <c r="R55" s="142"/>
      <c r="S55" s="142"/>
      <c r="T55" s="142"/>
      <c r="U55" s="142"/>
      <c r="V55" s="142"/>
      <c r="W55" s="142"/>
      <c r="X55" s="142"/>
      <c r="Y55" s="142"/>
      <c r="Z55" s="142"/>
      <c r="AA55" s="142"/>
      <c r="AB55" s="142"/>
      <c r="AC55" s="143"/>
      <c r="AD55" s="45"/>
      <c r="AG55" s="168"/>
      <c r="AH55" s="169"/>
      <c r="AI55" s="169"/>
      <c r="AJ55" s="169"/>
      <c r="AK55" s="169"/>
      <c r="AL55" s="169"/>
      <c r="AM55" s="169"/>
      <c r="AN55" s="169"/>
      <c r="AO55" s="169"/>
      <c r="AP55" s="170"/>
      <c r="AQ55" s="169"/>
      <c r="AR55" s="169"/>
      <c r="AS55" s="169"/>
      <c r="AT55" s="169"/>
      <c r="AU55" s="169"/>
      <c r="AV55" s="169"/>
      <c r="AW55" s="169"/>
      <c r="AX55" s="171"/>
      <c r="AY55" s="170"/>
      <c r="AZ55" s="169"/>
      <c r="BA55" s="169"/>
      <c r="BB55" s="169"/>
      <c r="BC55" s="169"/>
      <c r="BD55" s="169"/>
      <c r="BE55" s="169"/>
      <c r="BF55" s="169"/>
      <c r="BG55" s="172"/>
    </row>
    <row r="56" spans="1:59" ht="15" customHeight="1">
      <c r="A56" s="3">
        <v>0</v>
      </c>
      <c r="D56" s="141"/>
      <c r="E56" s="142"/>
      <c r="F56" s="142"/>
      <c r="G56" s="142"/>
      <c r="H56" s="142"/>
      <c r="I56" s="142"/>
      <c r="J56" s="142"/>
      <c r="K56" s="142"/>
      <c r="L56" s="142"/>
      <c r="M56" s="142"/>
      <c r="N56" s="142"/>
      <c r="O56" s="142"/>
      <c r="P56" s="143"/>
      <c r="Q56" s="141"/>
      <c r="R56" s="142"/>
      <c r="S56" s="142"/>
      <c r="T56" s="142"/>
      <c r="U56" s="142"/>
      <c r="V56" s="142"/>
      <c r="W56" s="142"/>
      <c r="X56" s="142"/>
      <c r="Y56" s="142"/>
      <c r="Z56" s="142"/>
      <c r="AA56" s="142"/>
      <c r="AB56" s="142"/>
      <c r="AC56" s="143"/>
      <c r="AD56" s="45"/>
      <c r="AG56" s="173" t="s">
        <v>208</v>
      </c>
      <c r="AH56" s="173"/>
      <c r="AI56" s="173"/>
      <c r="AJ56" s="173"/>
      <c r="AK56" s="173"/>
      <c r="AL56" s="173"/>
      <c r="AM56" s="173"/>
      <c r="AN56" s="173"/>
      <c r="AO56" s="173"/>
      <c r="AP56" s="173"/>
      <c r="AQ56" s="173"/>
      <c r="AR56" s="173"/>
      <c r="AS56" s="173"/>
      <c r="AT56" s="173"/>
      <c r="AU56" s="173"/>
      <c r="AV56" s="173"/>
      <c r="AW56" s="173"/>
      <c r="AX56" s="173"/>
      <c r="AY56" s="173"/>
      <c r="AZ56" s="173"/>
      <c r="BA56" s="173"/>
      <c r="BB56" s="173"/>
      <c r="BC56" s="173"/>
      <c r="BD56" s="8"/>
      <c r="BE56" s="8"/>
      <c r="BF56" s="8"/>
      <c r="BG56" s="8"/>
    </row>
    <row r="57" spans="1:59" ht="15" customHeight="1" thickBot="1">
      <c r="D57" s="141"/>
      <c r="E57" s="142"/>
      <c r="F57" s="142"/>
      <c r="G57" s="142"/>
      <c r="H57" s="142"/>
      <c r="I57" s="142"/>
      <c r="J57" s="142"/>
      <c r="K57" s="142"/>
      <c r="L57" s="142"/>
      <c r="M57" s="142"/>
      <c r="N57" s="142"/>
      <c r="O57" s="142"/>
      <c r="P57" s="143"/>
      <c r="Q57" s="141"/>
      <c r="R57" s="142"/>
      <c r="S57" s="142"/>
      <c r="T57" s="142"/>
      <c r="U57" s="142"/>
      <c r="V57" s="142"/>
      <c r="W57" s="142"/>
      <c r="X57" s="142"/>
      <c r="Y57" s="142"/>
      <c r="Z57" s="142"/>
      <c r="AA57" s="142"/>
      <c r="AB57" s="142"/>
      <c r="AC57" s="143"/>
      <c r="AD57" s="45"/>
      <c r="AG57" s="174"/>
      <c r="AH57" s="174"/>
      <c r="AI57" s="174"/>
      <c r="AJ57" s="174"/>
      <c r="AK57" s="174"/>
      <c r="AL57" s="174"/>
      <c r="AM57" s="174"/>
      <c r="AN57" s="174"/>
      <c r="AO57" s="174"/>
      <c r="AP57" s="173"/>
      <c r="AQ57" s="173"/>
      <c r="AR57" s="173"/>
      <c r="AS57" s="173"/>
      <c r="AT57" s="173"/>
      <c r="AU57" s="173"/>
      <c r="AV57" s="173"/>
      <c r="AW57" s="173"/>
      <c r="AX57" s="173"/>
      <c r="AY57" s="173"/>
      <c r="AZ57" s="173"/>
      <c r="BA57" s="173"/>
      <c r="BB57" s="173"/>
      <c r="BC57" s="173"/>
      <c r="BD57" s="8"/>
      <c r="BE57" s="8"/>
      <c r="BF57" s="8"/>
      <c r="BG57" s="8"/>
    </row>
    <row r="58" spans="1:59" ht="15" customHeight="1">
      <c r="D58" s="141"/>
      <c r="E58" s="142"/>
      <c r="F58" s="142"/>
      <c r="G58" s="142"/>
      <c r="H58" s="142"/>
      <c r="I58" s="142"/>
      <c r="J58" s="142"/>
      <c r="K58" s="142"/>
      <c r="L58" s="142"/>
      <c r="M58" s="142"/>
      <c r="N58" s="142"/>
      <c r="O58" s="142"/>
      <c r="P58" s="143"/>
      <c r="Q58" s="141"/>
      <c r="R58" s="142"/>
      <c r="S58" s="142"/>
      <c r="T58" s="142"/>
      <c r="U58" s="142"/>
      <c r="V58" s="142"/>
      <c r="W58" s="142"/>
      <c r="X58" s="142"/>
      <c r="Y58" s="142"/>
      <c r="Z58" s="142"/>
      <c r="AA58" s="142"/>
      <c r="AB58" s="142"/>
      <c r="AC58" s="143"/>
      <c r="AD58" s="45"/>
      <c r="AG58" s="175" t="s">
        <v>209</v>
      </c>
      <c r="AH58" s="176"/>
      <c r="AI58" s="176"/>
      <c r="AJ58" s="176"/>
      <c r="AK58" s="177"/>
      <c r="AL58" s="179"/>
      <c r="AM58" s="180"/>
      <c r="AN58" s="180"/>
      <c r="AO58" s="181"/>
      <c r="AP58" s="188"/>
      <c r="AQ58" s="189"/>
      <c r="AR58" s="189"/>
      <c r="AS58" s="189"/>
      <c r="AT58" s="189"/>
      <c r="AU58" s="189"/>
      <c r="AV58" s="189"/>
      <c r="AW58" s="189"/>
      <c r="AX58" s="189"/>
      <c r="AY58" s="189"/>
      <c r="AZ58" s="189"/>
      <c r="BA58" s="189"/>
      <c r="BB58" s="189"/>
      <c r="BC58" s="189"/>
      <c r="BD58" s="189"/>
      <c r="BE58" s="189"/>
      <c r="BF58" s="189"/>
      <c r="BG58" s="190"/>
    </row>
    <row r="59" spans="1:59" ht="15" customHeight="1">
      <c r="D59" s="141"/>
      <c r="E59" s="142"/>
      <c r="F59" s="142"/>
      <c r="G59" s="142"/>
      <c r="H59" s="142"/>
      <c r="I59" s="142"/>
      <c r="J59" s="142"/>
      <c r="K59" s="142"/>
      <c r="L59" s="142"/>
      <c r="M59" s="142"/>
      <c r="N59" s="142"/>
      <c r="O59" s="142"/>
      <c r="P59" s="143"/>
      <c r="Q59" s="141"/>
      <c r="R59" s="142"/>
      <c r="S59" s="142"/>
      <c r="T59" s="142"/>
      <c r="U59" s="142"/>
      <c r="V59" s="142"/>
      <c r="W59" s="142"/>
      <c r="X59" s="142"/>
      <c r="Y59" s="142"/>
      <c r="Z59" s="142"/>
      <c r="AA59" s="142"/>
      <c r="AB59" s="142"/>
      <c r="AC59" s="143"/>
      <c r="AD59" s="45"/>
      <c r="AG59" s="60"/>
      <c r="AH59" s="61"/>
      <c r="AI59" s="61"/>
      <c r="AJ59" s="61"/>
      <c r="AK59" s="62"/>
      <c r="AL59" s="182"/>
      <c r="AM59" s="183"/>
      <c r="AN59" s="183"/>
      <c r="AO59" s="184"/>
      <c r="AP59" s="191"/>
      <c r="AQ59" s="192"/>
      <c r="AR59" s="192"/>
      <c r="AS59" s="192"/>
      <c r="AT59" s="192"/>
      <c r="AU59" s="192"/>
      <c r="AV59" s="192"/>
      <c r="AW59" s="192"/>
      <c r="AX59" s="192"/>
      <c r="AY59" s="192"/>
      <c r="AZ59" s="192"/>
      <c r="BA59" s="192"/>
      <c r="BB59" s="192"/>
      <c r="BC59" s="192"/>
      <c r="BD59" s="192"/>
      <c r="BE59" s="192"/>
      <c r="BF59" s="192"/>
      <c r="BG59" s="193"/>
    </row>
    <row r="60" spans="1:59" ht="15" customHeight="1">
      <c r="D60" s="141"/>
      <c r="E60" s="142"/>
      <c r="F60" s="142"/>
      <c r="G60" s="142"/>
      <c r="H60" s="142"/>
      <c r="I60" s="142"/>
      <c r="J60" s="142"/>
      <c r="K60" s="142"/>
      <c r="L60" s="142"/>
      <c r="M60" s="142"/>
      <c r="N60" s="142"/>
      <c r="O60" s="142"/>
      <c r="P60" s="143"/>
      <c r="Q60" s="141"/>
      <c r="R60" s="142"/>
      <c r="S60" s="142"/>
      <c r="T60" s="142"/>
      <c r="U60" s="142"/>
      <c r="V60" s="142"/>
      <c r="W60" s="142"/>
      <c r="X60" s="142"/>
      <c r="Y60" s="142"/>
      <c r="Z60" s="142"/>
      <c r="AA60" s="142"/>
      <c r="AB60" s="142"/>
      <c r="AC60" s="143"/>
      <c r="AD60" s="45"/>
      <c r="AG60" s="178"/>
      <c r="AH60" s="76"/>
      <c r="AI60" s="76"/>
      <c r="AJ60" s="76"/>
      <c r="AK60" s="77"/>
      <c r="AL60" s="185"/>
      <c r="AM60" s="186"/>
      <c r="AN60" s="186"/>
      <c r="AO60" s="187"/>
      <c r="AP60" s="194"/>
      <c r="AQ60" s="195"/>
      <c r="AR60" s="195"/>
      <c r="AS60" s="195"/>
      <c r="AT60" s="195"/>
      <c r="AU60" s="195"/>
      <c r="AV60" s="195"/>
      <c r="AW60" s="195"/>
      <c r="AX60" s="195"/>
      <c r="AY60" s="195"/>
      <c r="AZ60" s="195"/>
      <c r="BA60" s="195"/>
      <c r="BB60" s="195"/>
      <c r="BC60" s="195"/>
      <c r="BD60" s="195"/>
      <c r="BE60" s="195"/>
      <c r="BF60" s="195"/>
      <c r="BG60" s="196"/>
    </row>
    <row r="61" spans="1:59" ht="15" customHeight="1">
      <c r="D61" s="141"/>
      <c r="E61" s="142"/>
      <c r="F61" s="142"/>
      <c r="G61" s="142"/>
      <c r="H61" s="142"/>
      <c r="I61" s="142"/>
      <c r="J61" s="142"/>
      <c r="K61" s="142"/>
      <c r="L61" s="142"/>
      <c r="M61" s="142"/>
      <c r="N61" s="142"/>
      <c r="O61" s="142"/>
      <c r="P61" s="143"/>
      <c r="Q61" s="141"/>
      <c r="R61" s="142"/>
      <c r="S61" s="142"/>
      <c r="T61" s="142"/>
      <c r="U61" s="142"/>
      <c r="V61" s="142"/>
      <c r="W61" s="142"/>
      <c r="X61" s="142"/>
      <c r="Y61" s="142"/>
      <c r="Z61" s="142"/>
      <c r="AA61" s="142"/>
      <c r="AB61" s="142"/>
      <c r="AC61" s="143"/>
      <c r="AD61" s="45"/>
      <c r="AG61" s="57" t="s">
        <v>210</v>
      </c>
      <c r="AH61" s="58"/>
      <c r="AI61" s="58"/>
      <c r="AJ61" s="58"/>
      <c r="AK61" s="59"/>
      <c r="AL61" s="69" t="s">
        <v>211</v>
      </c>
      <c r="AM61" s="70"/>
      <c r="AN61" s="70"/>
      <c r="AO61" s="71"/>
      <c r="AP61" s="147"/>
      <c r="AQ61" s="147"/>
      <c r="AR61" s="147"/>
      <c r="AS61" s="147"/>
      <c r="AT61" s="147"/>
      <c r="AU61" s="147"/>
      <c r="AV61" s="147"/>
      <c r="AW61" s="147"/>
      <c r="AX61" s="147"/>
      <c r="AY61" s="147"/>
      <c r="AZ61" s="147"/>
      <c r="BA61" s="147"/>
      <c r="BB61" s="147"/>
      <c r="BC61" s="147"/>
      <c r="BD61" s="147"/>
      <c r="BE61" s="147"/>
      <c r="BF61" s="147"/>
      <c r="BG61" s="148"/>
    </row>
    <row r="62" spans="1:59" ht="15" customHeight="1">
      <c r="D62" s="141"/>
      <c r="E62" s="142"/>
      <c r="F62" s="142"/>
      <c r="G62" s="142"/>
      <c r="H62" s="142"/>
      <c r="I62" s="142"/>
      <c r="J62" s="142"/>
      <c r="K62" s="142"/>
      <c r="L62" s="142"/>
      <c r="M62" s="142"/>
      <c r="N62" s="142"/>
      <c r="O62" s="142"/>
      <c r="P62" s="143"/>
      <c r="Q62" s="141"/>
      <c r="R62" s="142"/>
      <c r="S62" s="142"/>
      <c r="T62" s="142"/>
      <c r="U62" s="142"/>
      <c r="V62" s="142"/>
      <c r="W62" s="142"/>
      <c r="X62" s="142"/>
      <c r="Y62" s="142"/>
      <c r="Z62" s="142"/>
      <c r="AA62" s="142"/>
      <c r="AB62" s="142"/>
      <c r="AC62" s="143"/>
      <c r="AD62" s="45"/>
      <c r="AG62" s="60"/>
      <c r="AH62" s="61"/>
      <c r="AI62" s="61"/>
      <c r="AJ62" s="61"/>
      <c r="AK62" s="62"/>
      <c r="AL62" s="72"/>
      <c r="AM62" s="73"/>
      <c r="AN62" s="73"/>
      <c r="AO62" s="74"/>
      <c r="AP62" s="147"/>
      <c r="AQ62" s="147"/>
      <c r="AR62" s="147"/>
      <c r="AS62" s="147"/>
      <c r="AT62" s="147"/>
      <c r="AU62" s="147"/>
      <c r="AV62" s="147"/>
      <c r="AW62" s="147"/>
      <c r="AX62" s="147"/>
      <c r="AY62" s="147"/>
      <c r="AZ62" s="147"/>
      <c r="BA62" s="147"/>
      <c r="BB62" s="147"/>
      <c r="BC62" s="147"/>
      <c r="BD62" s="147"/>
      <c r="BE62" s="147"/>
      <c r="BF62" s="147"/>
      <c r="BG62" s="148"/>
    </row>
    <row r="63" spans="1:59" ht="15" customHeight="1">
      <c r="D63" s="141"/>
      <c r="E63" s="142"/>
      <c r="F63" s="142"/>
      <c r="G63" s="142"/>
      <c r="H63" s="142"/>
      <c r="I63" s="142"/>
      <c r="J63" s="142"/>
      <c r="K63" s="142"/>
      <c r="L63" s="142"/>
      <c r="M63" s="142"/>
      <c r="N63" s="142"/>
      <c r="O63" s="142"/>
      <c r="P63" s="143"/>
      <c r="Q63" s="141"/>
      <c r="R63" s="142"/>
      <c r="S63" s="142"/>
      <c r="T63" s="142"/>
      <c r="U63" s="142"/>
      <c r="V63" s="142"/>
      <c r="W63" s="142"/>
      <c r="X63" s="142"/>
      <c r="Y63" s="142"/>
      <c r="Z63" s="142"/>
      <c r="AA63" s="142"/>
      <c r="AB63" s="142"/>
      <c r="AC63" s="143"/>
      <c r="AD63" s="45"/>
      <c r="AG63" s="60"/>
      <c r="AH63" s="61"/>
      <c r="AI63" s="61"/>
      <c r="AJ63" s="61"/>
      <c r="AK63" s="62"/>
      <c r="AL63" s="75"/>
      <c r="AM63" s="76"/>
      <c r="AN63" s="76"/>
      <c r="AO63" s="77"/>
      <c r="AP63" s="147"/>
      <c r="AQ63" s="147"/>
      <c r="AR63" s="147"/>
      <c r="AS63" s="147"/>
      <c r="AT63" s="147"/>
      <c r="AU63" s="147"/>
      <c r="AV63" s="147"/>
      <c r="AW63" s="147"/>
      <c r="AX63" s="147"/>
      <c r="AY63" s="147"/>
      <c r="AZ63" s="147"/>
      <c r="BA63" s="147"/>
      <c r="BB63" s="147"/>
      <c r="BC63" s="147"/>
      <c r="BD63" s="147"/>
      <c r="BE63" s="147"/>
      <c r="BF63" s="147"/>
      <c r="BG63" s="148"/>
    </row>
    <row r="64" spans="1:59" ht="15" customHeight="1">
      <c r="D64" s="141"/>
      <c r="E64" s="142"/>
      <c r="F64" s="142"/>
      <c r="G64" s="142"/>
      <c r="H64" s="142"/>
      <c r="I64" s="142"/>
      <c r="J64" s="142"/>
      <c r="K64" s="142"/>
      <c r="L64" s="142"/>
      <c r="M64" s="142"/>
      <c r="N64" s="142"/>
      <c r="O64" s="142"/>
      <c r="P64" s="143"/>
      <c r="Q64" s="149" t="s">
        <v>212</v>
      </c>
      <c r="R64" s="150"/>
      <c r="S64" s="150"/>
      <c r="T64" s="150"/>
      <c r="U64" s="150"/>
      <c r="V64" s="150"/>
      <c r="W64" s="150"/>
      <c r="X64" s="150"/>
      <c r="Y64" s="150"/>
      <c r="Z64" s="150"/>
      <c r="AA64" s="150"/>
      <c r="AB64" s="150"/>
      <c r="AC64" s="151"/>
      <c r="AD64" s="45"/>
      <c r="AG64" s="60"/>
      <c r="AH64" s="61"/>
      <c r="AI64" s="61"/>
      <c r="AJ64" s="61"/>
      <c r="AK64" s="62"/>
      <c r="AL64" s="152" t="s">
        <v>213</v>
      </c>
      <c r="AM64" s="70"/>
      <c r="AN64" s="70"/>
      <c r="AO64" s="71"/>
      <c r="AP64" s="147"/>
      <c r="AQ64" s="147"/>
      <c r="AR64" s="147"/>
      <c r="AS64" s="147"/>
      <c r="AT64" s="147"/>
      <c r="AU64" s="147"/>
      <c r="AV64" s="147"/>
      <c r="AW64" s="147"/>
      <c r="AX64" s="147"/>
      <c r="AY64" s="147"/>
      <c r="AZ64" s="147"/>
      <c r="BA64" s="147"/>
      <c r="BB64" s="147"/>
      <c r="BC64" s="147"/>
      <c r="BD64" s="147"/>
      <c r="BE64" s="147"/>
      <c r="BF64" s="147"/>
      <c r="BG64" s="148"/>
    </row>
    <row r="65" spans="4:59" ht="15" customHeight="1">
      <c r="D65" s="141"/>
      <c r="E65" s="142"/>
      <c r="F65" s="142"/>
      <c r="G65" s="142"/>
      <c r="H65" s="142"/>
      <c r="I65" s="142"/>
      <c r="J65" s="142"/>
      <c r="K65" s="142"/>
      <c r="L65" s="142"/>
      <c r="M65" s="142"/>
      <c r="N65" s="142"/>
      <c r="O65" s="142"/>
      <c r="P65" s="143"/>
      <c r="Q65" s="149"/>
      <c r="R65" s="150"/>
      <c r="S65" s="150"/>
      <c r="T65" s="150"/>
      <c r="U65" s="150"/>
      <c r="V65" s="150"/>
      <c r="W65" s="150"/>
      <c r="X65" s="150"/>
      <c r="Y65" s="150"/>
      <c r="Z65" s="150"/>
      <c r="AA65" s="150"/>
      <c r="AB65" s="150"/>
      <c r="AC65" s="151"/>
      <c r="AD65" s="45"/>
      <c r="AG65" s="60"/>
      <c r="AH65" s="61"/>
      <c r="AI65" s="61"/>
      <c r="AJ65" s="61"/>
      <c r="AK65" s="62"/>
      <c r="AL65" s="72"/>
      <c r="AM65" s="73"/>
      <c r="AN65" s="73"/>
      <c r="AO65" s="74"/>
      <c r="AP65" s="147"/>
      <c r="AQ65" s="147"/>
      <c r="AR65" s="147"/>
      <c r="AS65" s="147"/>
      <c r="AT65" s="147"/>
      <c r="AU65" s="147"/>
      <c r="AV65" s="147"/>
      <c r="AW65" s="147"/>
      <c r="AX65" s="147"/>
      <c r="AY65" s="147"/>
      <c r="AZ65" s="147"/>
      <c r="BA65" s="147"/>
      <c r="BB65" s="147"/>
      <c r="BC65" s="147"/>
      <c r="BD65" s="147"/>
      <c r="BE65" s="147"/>
      <c r="BF65" s="147"/>
      <c r="BG65" s="148"/>
    </row>
    <row r="66" spans="4:59" ht="15" customHeight="1">
      <c r="D66" s="141"/>
      <c r="E66" s="142"/>
      <c r="F66" s="142"/>
      <c r="G66" s="142"/>
      <c r="H66" s="142"/>
      <c r="I66" s="142"/>
      <c r="J66" s="142"/>
      <c r="K66" s="142"/>
      <c r="L66" s="142"/>
      <c r="M66" s="142"/>
      <c r="N66" s="142"/>
      <c r="O66" s="142"/>
      <c r="P66" s="143"/>
      <c r="Q66" s="153" t="s">
        <v>214</v>
      </c>
      <c r="R66" s="154"/>
      <c r="S66" s="155"/>
      <c r="T66" s="46"/>
      <c r="U66" s="46"/>
      <c r="V66" s="46"/>
      <c r="W66" s="46"/>
      <c r="X66" s="46"/>
      <c r="Y66" s="46"/>
      <c r="Z66" s="46"/>
      <c r="AA66" s="46"/>
      <c r="AB66" s="46"/>
      <c r="AC66" s="47"/>
      <c r="AD66" s="45"/>
      <c r="AG66" s="63"/>
      <c r="AH66" s="64"/>
      <c r="AI66" s="64"/>
      <c r="AJ66" s="64"/>
      <c r="AK66" s="65"/>
      <c r="AL66" s="75"/>
      <c r="AM66" s="76"/>
      <c r="AN66" s="76"/>
      <c r="AO66" s="77"/>
      <c r="AP66" s="147"/>
      <c r="AQ66" s="147"/>
      <c r="AR66" s="147"/>
      <c r="AS66" s="147"/>
      <c r="AT66" s="147"/>
      <c r="AU66" s="147"/>
      <c r="AV66" s="147"/>
      <c r="AW66" s="147"/>
      <c r="AX66" s="147"/>
      <c r="AY66" s="147"/>
      <c r="AZ66" s="147"/>
      <c r="BA66" s="147"/>
      <c r="BB66" s="147"/>
      <c r="BC66" s="147"/>
      <c r="BD66" s="147"/>
      <c r="BE66" s="147"/>
      <c r="BF66" s="147"/>
      <c r="BG66" s="148"/>
    </row>
    <row r="67" spans="4:59" ht="15" customHeight="1">
      <c r="D67" s="141"/>
      <c r="E67" s="142"/>
      <c r="F67" s="142"/>
      <c r="G67" s="142"/>
      <c r="H67" s="142"/>
      <c r="I67" s="142"/>
      <c r="J67" s="142"/>
      <c r="K67" s="142"/>
      <c r="L67" s="142"/>
      <c r="M67" s="142"/>
      <c r="N67" s="142"/>
      <c r="O67" s="142"/>
      <c r="P67" s="143"/>
      <c r="Q67" s="156"/>
      <c r="R67" s="157"/>
      <c r="S67" s="158"/>
      <c r="T67" s="46"/>
      <c r="U67" s="46"/>
      <c r="V67" s="46"/>
      <c r="W67" s="46"/>
      <c r="X67" s="46"/>
      <c r="Y67" s="46"/>
      <c r="Z67" s="46"/>
      <c r="AA67" s="46"/>
      <c r="AB67" s="46"/>
      <c r="AC67" s="47"/>
      <c r="AD67" s="45"/>
      <c r="AG67" s="63"/>
      <c r="AH67" s="64"/>
      <c r="AI67" s="64"/>
      <c r="AJ67" s="64"/>
      <c r="AK67" s="65"/>
      <c r="AL67" s="152" t="s">
        <v>215</v>
      </c>
      <c r="AM67" s="70"/>
      <c r="AN67" s="70"/>
      <c r="AO67" s="71"/>
      <c r="AP67" s="147"/>
      <c r="AQ67" s="147"/>
      <c r="AR67" s="147"/>
      <c r="AS67" s="147"/>
      <c r="AT67" s="147"/>
      <c r="AU67" s="147"/>
      <c r="AV67" s="147"/>
      <c r="AW67" s="147"/>
      <c r="AX67" s="147"/>
      <c r="AY67" s="147"/>
      <c r="AZ67" s="147"/>
      <c r="BA67" s="147"/>
      <c r="BB67" s="147"/>
      <c r="BC67" s="147"/>
      <c r="BD67" s="147"/>
      <c r="BE67" s="147"/>
      <c r="BF67" s="147"/>
      <c r="BG67" s="148"/>
    </row>
    <row r="68" spans="4:59" ht="15" customHeight="1">
      <c r="D68" s="141"/>
      <c r="E68" s="142"/>
      <c r="F68" s="142"/>
      <c r="G68" s="142"/>
      <c r="H68" s="142"/>
      <c r="I68" s="142"/>
      <c r="J68" s="142"/>
      <c r="K68" s="142"/>
      <c r="L68" s="142"/>
      <c r="M68" s="142"/>
      <c r="N68" s="142"/>
      <c r="O68" s="142"/>
      <c r="P68" s="143"/>
      <c r="Q68" s="159" t="s">
        <v>216</v>
      </c>
      <c r="R68" s="160"/>
      <c r="S68" s="161"/>
      <c r="T68" s="48"/>
      <c r="U68" s="49"/>
      <c r="V68" s="49"/>
      <c r="W68" s="49"/>
      <c r="X68" s="49"/>
      <c r="Y68" s="49"/>
      <c r="Z68" s="49"/>
      <c r="AA68" s="49"/>
      <c r="AB68" s="49"/>
      <c r="AC68" s="50"/>
      <c r="AD68" s="45"/>
      <c r="AG68" s="63"/>
      <c r="AH68" s="64"/>
      <c r="AI68" s="64"/>
      <c r="AJ68" s="64"/>
      <c r="AK68" s="65"/>
      <c r="AL68" s="72"/>
      <c r="AM68" s="73"/>
      <c r="AN68" s="73"/>
      <c r="AO68" s="74"/>
      <c r="AP68" s="147"/>
      <c r="AQ68" s="147"/>
      <c r="AR68" s="147"/>
      <c r="AS68" s="147"/>
      <c r="AT68" s="147"/>
      <c r="AU68" s="147"/>
      <c r="AV68" s="147"/>
      <c r="AW68" s="147"/>
      <c r="AX68" s="147"/>
      <c r="AY68" s="147"/>
      <c r="AZ68" s="147"/>
      <c r="BA68" s="147"/>
      <c r="BB68" s="147"/>
      <c r="BC68" s="147"/>
      <c r="BD68" s="147"/>
      <c r="BE68" s="147"/>
      <c r="BF68" s="147"/>
      <c r="BG68" s="148"/>
    </row>
    <row r="69" spans="4:59" ht="15" customHeight="1">
      <c r="D69" s="141"/>
      <c r="E69" s="142"/>
      <c r="F69" s="142"/>
      <c r="G69" s="142"/>
      <c r="H69" s="142"/>
      <c r="I69" s="142"/>
      <c r="J69" s="142"/>
      <c r="K69" s="142"/>
      <c r="L69" s="142"/>
      <c r="M69" s="142"/>
      <c r="N69" s="142"/>
      <c r="O69" s="142"/>
      <c r="P69" s="143"/>
      <c r="Q69" s="162"/>
      <c r="R69" s="163"/>
      <c r="S69" s="164"/>
      <c r="T69" s="51"/>
      <c r="U69" s="52"/>
      <c r="V69" s="52"/>
      <c r="W69" s="52"/>
      <c r="X69" s="52"/>
      <c r="Y69" s="52"/>
      <c r="Z69" s="52"/>
      <c r="AA69" s="52"/>
      <c r="AB69" s="52"/>
      <c r="AC69" s="53"/>
      <c r="AD69" s="45"/>
      <c r="AG69" s="66"/>
      <c r="AH69" s="67"/>
      <c r="AI69" s="67"/>
      <c r="AJ69" s="67"/>
      <c r="AK69" s="68"/>
      <c r="AL69" s="75"/>
      <c r="AM69" s="76"/>
      <c r="AN69" s="76"/>
      <c r="AO69" s="77"/>
      <c r="AP69" s="147"/>
      <c r="AQ69" s="147"/>
      <c r="AR69" s="147"/>
      <c r="AS69" s="147"/>
      <c r="AT69" s="147"/>
      <c r="AU69" s="147"/>
      <c r="AV69" s="147"/>
      <c r="AW69" s="147"/>
      <c r="AX69" s="147"/>
      <c r="AY69" s="147"/>
      <c r="AZ69" s="147"/>
      <c r="BA69" s="147"/>
      <c r="BB69" s="147"/>
      <c r="BC69" s="147"/>
      <c r="BD69" s="147"/>
      <c r="BE69" s="147"/>
      <c r="BF69" s="147"/>
      <c r="BG69" s="148"/>
    </row>
    <row r="70" spans="4:59" ht="15" customHeight="1">
      <c r="D70" s="141"/>
      <c r="E70" s="142"/>
      <c r="F70" s="142"/>
      <c r="G70" s="142"/>
      <c r="H70" s="142"/>
      <c r="I70" s="142"/>
      <c r="J70" s="142"/>
      <c r="K70" s="142"/>
      <c r="L70" s="142"/>
      <c r="M70" s="142"/>
      <c r="N70" s="142"/>
      <c r="O70" s="142"/>
      <c r="P70" s="143"/>
      <c r="Q70" s="162"/>
      <c r="R70" s="163"/>
      <c r="S70" s="164"/>
      <c r="T70" s="51"/>
      <c r="U70" s="52"/>
      <c r="V70" s="52"/>
      <c r="W70" s="52"/>
      <c r="X70" s="52"/>
      <c r="Y70" s="52"/>
      <c r="Z70" s="52"/>
      <c r="AA70" s="52"/>
      <c r="AB70" s="52"/>
      <c r="AC70" s="53"/>
      <c r="AD70" s="45"/>
      <c r="AG70" s="57" t="s">
        <v>217</v>
      </c>
      <c r="AH70" s="58"/>
      <c r="AI70" s="58"/>
      <c r="AJ70" s="58"/>
      <c r="AK70" s="59"/>
      <c r="AL70" s="152" t="s">
        <v>218</v>
      </c>
      <c r="AM70" s="70"/>
      <c r="AN70" s="70"/>
      <c r="AO70" s="71"/>
      <c r="AP70" s="84" t="s">
        <v>219</v>
      </c>
      <c r="AQ70" s="85"/>
      <c r="AR70" s="85"/>
      <c r="AS70" s="85"/>
      <c r="AT70" s="86"/>
      <c r="AU70" s="86"/>
      <c r="AV70" s="86"/>
      <c r="AW70" s="86"/>
      <c r="AX70" s="86"/>
      <c r="AY70" s="87" t="s">
        <v>220</v>
      </c>
      <c r="AZ70" s="85"/>
      <c r="BA70" s="85"/>
      <c r="BB70" s="85"/>
      <c r="BC70" s="86"/>
      <c r="BD70" s="86"/>
      <c r="BE70" s="86"/>
      <c r="BF70" s="86"/>
      <c r="BG70" s="88"/>
    </row>
    <row r="71" spans="4:59" ht="15" customHeight="1">
      <c r="D71" s="141"/>
      <c r="E71" s="142"/>
      <c r="F71" s="142"/>
      <c r="G71" s="142"/>
      <c r="H71" s="142"/>
      <c r="I71" s="142"/>
      <c r="J71" s="142"/>
      <c r="K71" s="142"/>
      <c r="L71" s="142"/>
      <c r="M71" s="142"/>
      <c r="N71" s="142"/>
      <c r="O71" s="142"/>
      <c r="P71" s="143"/>
      <c r="Q71" s="162"/>
      <c r="R71" s="163"/>
      <c r="S71" s="164"/>
      <c r="T71" s="51"/>
      <c r="U71" s="52"/>
      <c r="V71" s="52"/>
      <c r="W71" s="52"/>
      <c r="X71" s="52"/>
      <c r="Y71" s="52"/>
      <c r="Z71" s="52"/>
      <c r="AA71" s="52"/>
      <c r="AB71" s="52"/>
      <c r="AC71" s="53"/>
      <c r="AD71" s="54"/>
      <c r="AG71" s="60"/>
      <c r="AH71" s="61"/>
      <c r="AI71" s="61"/>
      <c r="AJ71" s="61"/>
      <c r="AK71" s="62"/>
      <c r="AL71" s="75"/>
      <c r="AM71" s="76"/>
      <c r="AN71" s="76"/>
      <c r="AO71" s="77"/>
      <c r="AP71" s="85"/>
      <c r="AQ71" s="85"/>
      <c r="AR71" s="85"/>
      <c r="AS71" s="85"/>
      <c r="AT71" s="86"/>
      <c r="AU71" s="86"/>
      <c r="AV71" s="86"/>
      <c r="AW71" s="86"/>
      <c r="AX71" s="86"/>
      <c r="AY71" s="85"/>
      <c r="AZ71" s="85"/>
      <c r="BA71" s="85"/>
      <c r="BB71" s="85"/>
      <c r="BC71" s="86"/>
      <c r="BD71" s="86"/>
      <c r="BE71" s="86"/>
      <c r="BF71" s="86"/>
      <c r="BG71" s="88"/>
    </row>
    <row r="72" spans="4:59" ht="15" customHeight="1">
      <c r="D72" s="141"/>
      <c r="E72" s="142"/>
      <c r="F72" s="142"/>
      <c r="G72" s="142"/>
      <c r="H72" s="142"/>
      <c r="I72" s="142"/>
      <c r="J72" s="142"/>
      <c r="K72" s="142"/>
      <c r="L72" s="142"/>
      <c r="M72" s="142"/>
      <c r="N72" s="142"/>
      <c r="O72" s="142"/>
      <c r="P72" s="143"/>
      <c r="Q72" s="89" t="s">
        <v>221</v>
      </c>
      <c r="R72" s="90"/>
      <c r="S72" s="91"/>
      <c r="T72" s="98" t="s">
        <v>222</v>
      </c>
      <c r="U72" s="99"/>
      <c r="V72" s="99"/>
      <c r="W72" s="99"/>
      <c r="X72" s="99"/>
      <c r="Y72" s="99"/>
      <c r="Z72" s="99"/>
      <c r="AA72" s="99"/>
      <c r="AB72" s="99"/>
      <c r="AC72" s="100"/>
      <c r="AD72" s="54"/>
      <c r="AG72" s="60"/>
      <c r="AH72" s="61"/>
      <c r="AI72" s="61"/>
      <c r="AJ72" s="61"/>
      <c r="AK72" s="62"/>
      <c r="AL72" s="101" t="s">
        <v>223</v>
      </c>
      <c r="AM72" s="102"/>
      <c r="AN72" s="102"/>
      <c r="AO72" s="103"/>
      <c r="AP72" s="110"/>
      <c r="AQ72" s="111"/>
      <c r="AR72" s="111"/>
      <c r="AS72" s="111"/>
      <c r="AT72" s="111"/>
      <c r="AU72" s="111"/>
      <c r="AV72" s="111"/>
      <c r="AW72" s="111"/>
      <c r="AX72" s="111"/>
      <c r="AY72" s="111"/>
      <c r="AZ72" s="111"/>
      <c r="BA72" s="111"/>
      <c r="BB72" s="111"/>
      <c r="BC72" s="111"/>
      <c r="BD72" s="111"/>
      <c r="BE72" s="111"/>
      <c r="BF72" s="111"/>
      <c r="BG72" s="112"/>
    </row>
    <row r="73" spans="4:59" ht="16.5" customHeight="1">
      <c r="D73" s="141"/>
      <c r="E73" s="142"/>
      <c r="F73" s="142"/>
      <c r="G73" s="142"/>
      <c r="H73" s="142"/>
      <c r="I73" s="142"/>
      <c r="J73" s="142"/>
      <c r="K73" s="142"/>
      <c r="L73" s="142"/>
      <c r="M73" s="142"/>
      <c r="N73" s="142"/>
      <c r="O73" s="142"/>
      <c r="P73" s="143"/>
      <c r="Q73" s="92"/>
      <c r="R73" s="93"/>
      <c r="S73" s="94"/>
      <c r="T73" s="119"/>
      <c r="U73" s="120"/>
      <c r="V73" s="120"/>
      <c r="W73" s="120"/>
      <c r="X73" s="120"/>
      <c r="Y73" s="120"/>
      <c r="Z73" s="120"/>
      <c r="AA73" s="120"/>
      <c r="AB73" s="120"/>
      <c r="AC73" s="121"/>
      <c r="AD73" s="27"/>
      <c r="AG73" s="60"/>
      <c r="AH73" s="61"/>
      <c r="AI73" s="61"/>
      <c r="AJ73" s="61"/>
      <c r="AK73" s="62"/>
      <c r="AL73" s="104"/>
      <c r="AM73" s="105"/>
      <c r="AN73" s="105"/>
      <c r="AO73" s="106"/>
      <c r="AP73" s="113"/>
      <c r="AQ73" s="114"/>
      <c r="AR73" s="114"/>
      <c r="AS73" s="114"/>
      <c r="AT73" s="114"/>
      <c r="AU73" s="114"/>
      <c r="AV73" s="114"/>
      <c r="AW73" s="114"/>
      <c r="AX73" s="114"/>
      <c r="AY73" s="114"/>
      <c r="AZ73" s="114"/>
      <c r="BA73" s="114"/>
      <c r="BB73" s="114"/>
      <c r="BC73" s="114"/>
      <c r="BD73" s="114"/>
      <c r="BE73" s="114"/>
      <c r="BF73" s="114"/>
      <c r="BG73" s="115"/>
    </row>
    <row r="74" spans="4:59" ht="16.5" customHeight="1" thickBot="1">
      <c r="D74" s="144"/>
      <c r="E74" s="145"/>
      <c r="F74" s="145"/>
      <c r="G74" s="145"/>
      <c r="H74" s="145"/>
      <c r="I74" s="145"/>
      <c r="J74" s="145"/>
      <c r="K74" s="145"/>
      <c r="L74" s="145"/>
      <c r="M74" s="145"/>
      <c r="N74" s="145"/>
      <c r="O74" s="145"/>
      <c r="P74" s="146"/>
      <c r="Q74" s="95"/>
      <c r="R74" s="96"/>
      <c r="S74" s="97"/>
      <c r="T74" s="122"/>
      <c r="U74" s="122"/>
      <c r="V74" s="122"/>
      <c r="W74" s="122"/>
      <c r="X74" s="122"/>
      <c r="Y74" s="122"/>
      <c r="Z74" s="122"/>
      <c r="AA74" s="122"/>
      <c r="AB74" s="122"/>
      <c r="AC74" s="123"/>
      <c r="AD74" s="27"/>
      <c r="AG74" s="165"/>
      <c r="AH74" s="166"/>
      <c r="AI74" s="166"/>
      <c r="AJ74" s="166"/>
      <c r="AK74" s="167"/>
      <c r="AL74" s="107"/>
      <c r="AM74" s="108"/>
      <c r="AN74" s="108"/>
      <c r="AO74" s="109"/>
      <c r="AP74" s="116"/>
      <c r="AQ74" s="117"/>
      <c r="AR74" s="117"/>
      <c r="AS74" s="117"/>
      <c r="AT74" s="117"/>
      <c r="AU74" s="117"/>
      <c r="AV74" s="117"/>
      <c r="AW74" s="117"/>
      <c r="AX74" s="117"/>
      <c r="AY74" s="117"/>
      <c r="AZ74" s="117"/>
      <c r="BA74" s="117"/>
      <c r="BB74" s="117"/>
      <c r="BC74" s="117"/>
      <c r="BD74" s="117"/>
      <c r="BE74" s="117"/>
      <c r="BF74" s="117"/>
      <c r="BG74" s="118"/>
    </row>
    <row r="75" spans="4:59" ht="15" customHeight="1" thickBot="1">
      <c r="D75" s="78" t="s">
        <v>224</v>
      </c>
      <c r="E75" s="78"/>
      <c r="F75" s="78"/>
      <c r="G75" s="78"/>
      <c r="H75" s="78"/>
      <c r="I75" s="78"/>
      <c r="J75" s="78"/>
      <c r="K75" s="78"/>
      <c r="L75" s="78"/>
      <c r="M75" s="78"/>
      <c r="N75" s="78"/>
      <c r="O75" s="78"/>
      <c r="P75" s="78"/>
      <c r="Q75" s="78"/>
      <c r="R75" s="78"/>
      <c r="S75" s="78"/>
      <c r="T75" s="78"/>
      <c r="U75" s="78"/>
      <c r="V75" s="78"/>
      <c r="W75" s="78"/>
      <c r="X75" s="78"/>
      <c r="Y75" s="78"/>
      <c r="Z75" s="79"/>
      <c r="AA75" s="80" t="s">
        <v>225</v>
      </c>
      <c r="AB75" s="81"/>
      <c r="AC75" s="82"/>
      <c r="AG75" s="83" t="s">
        <v>226</v>
      </c>
      <c r="AH75" s="83"/>
      <c r="AI75" s="83"/>
      <c r="AJ75" s="83"/>
      <c r="AK75" s="83"/>
      <c r="AL75" s="83"/>
      <c r="AM75" s="83"/>
      <c r="AN75" s="83"/>
      <c r="AO75" s="83"/>
      <c r="AP75" s="83"/>
      <c r="AQ75" s="83"/>
      <c r="AR75" s="83"/>
      <c r="AS75" s="83"/>
      <c r="AT75" s="83"/>
      <c r="AU75" s="83"/>
      <c r="AV75" s="83"/>
      <c r="AW75" s="83"/>
      <c r="AX75" s="83"/>
      <c r="AY75" s="83"/>
      <c r="AZ75" s="83"/>
      <c r="BA75" s="83"/>
      <c r="BB75" s="83"/>
      <c r="BC75" s="83"/>
      <c r="BD75" s="83"/>
      <c r="BE75" s="83"/>
      <c r="BF75" s="83"/>
      <c r="BG75" s="83"/>
    </row>
    <row r="76" spans="4:59" ht="15" customHeight="1">
      <c r="U76" s="55"/>
    </row>
  </sheetData>
  <protectedRanges>
    <protectedRange sqref="Z10:AD12 Y10 I10:X12 Y12" name="商品名"/>
  </protectedRanges>
  <mergeCells count="141">
    <mergeCell ref="Y1:AC2"/>
    <mergeCell ref="BC1:BG2"/>
    <mergeCell ref="D3:R6"/>
    <mergeCell ref="S3:S6"/>
    <mergeCell ref="T3:V4"/>
    <mergeCell ref="W3:W4"/>
    <mergeCell ref="AG3:BC4"/>
    <mergeCell ref="T5:T6"/>
    <mergeCell ref="U5:U6"/>
    <mergeCell ref="V5:V6"/>
    <mergeCell ref="W5:W6"/>
    <mergeCell ref="AG5:AK7"/>
    <mergeCell ref="AL5:BG7"/>
    <mergeCell ref="D7:W7"/>
    <mergeCell ref="Y7:AC7"/>
    <mergeCell ref="D8:AB9"/>
    <mergeCell ref="AG8:AK9"/>
    <mergeCell ref="AL8:AS9"/>
    <mergeCell ref="AT8:AX9"/>
    <mergeCell ref="AY8:BG9"/>
    <mergeCell ref="D10:H12"/>
    <mergeCell ref="I10:AC12"/>
    <mergeCell ref="AG10:AK11"/>
    <mergeCell ref="AL10:AX11"/>
    <mergeCell ref="AY10:BG20"/>
    <mergeCell ref="AG12:AK18"/>
    <mergeCell ref="AL12:AX18"/>
    <mergeCell ref="D13:H14"/>
    <mergeCell ref="I13:M14"/>
    <mergeCell ref="N13:P14"/>
    <mergeCell ref="Q13:U14"/>
    <mergeCell ref="V13:W14"/>
    <mergeCell ref="X13:Y14"/>
    <mergeCell ref="Z13:AA14"/>
    <mergeCell ref="AB13:AC14"/>
    <mergeCell ref="D15:H16"/>
    <mergeCell ref="I15:P16"/>
    <mergeCell ref="Q15:U16"/>
    <mergeCell ref="V15:AC16"/>
    <mergeCell ref="AB17:AC18"/>
    <mergeCell ref="D19:H20"/>
    <mergeCell ref="I19:P20"/>
    <mergeCell ref="Q19:U20"/>
    <mergeCell ref="V19:X20"/>
    <mergeCell ref="Z19:AC20"/>
    <mergeCell ref="D17:H18"/>
    <mergeCell ref="I17:P18"/>
    <mergeCell ref="Q17:U18"/>
    <mergeCell ref="V17:W18"/>
    <mergeCell ref="X17:Y18"/>
    <mergeCell ref="Z17:AA17"/>
    <mergeCell ref="AG19:AK20"/>
    <mergeCell ref="AL19:AX20"/>
    <mergeCell ref="D21:H22"/>
    <mergeCell ref="I21:P22"/>
    <mergeCell ref="Q21:U22"/>
    <mergeCell ref="V21:X22"/>
    <mergeCell ref="Z21:AC22"/>
    <mergeCell ref="AG21:AJ22"/>
    <mergeCell ref="AK21:AK22"/>
    <mergeCell ref="AL21:AO22"/>
    <mergeCell ref="AK23:AK24"/>
    <mergeCell ref="AL23:AO24"/>
    <mergeCell ref="AP23:BG24"/>
    <mergeCell ref="V24:W24"/>
    <mergeCell ref="X24:Y24"/>
    <mergeCell ref="Z24:AA24"/>
    <mergeCell ref="AB24:AC24"/>
    <mergeCell ref="AP21:BG22"/>
    <mergeCell ref="D23:H24"/>
    <mergeCell ref="I23:I24"/>
    <mergeCell ref="J23:L24"/>
    <mergeCell ref="M23:M24"/>
    <mergeCell ref="N23:P24"/>
    <mergeCell ref="Q23:U24"/>
    <mergeCell ref="V23:AA23"/>
    <mergeCell ref="AB23:AC23"/>
    <mergeCell ref="AG23:AJ24"/>
    <mergeCell ref="AY27:BG28"/>
    <mergeCell ref="I28:O28"/>
    <mergeCell ref="P28:AC28"/>
    <mergeCell ref="D30:H37"/>
    <mergeCell ref="I30:L33"/>
    <mergeCell ref="AG30:BG31"/>
    <mergeCell ref="Q32:AC33"/>
    <mergeCell ref="AG32:BG43"/>
    <mergeCell ref="I34:L37"/>
    <mergeCell ref="M34:AC37"/>
    <mergeCell ref="D25:H28"/>
    <mergeCell ref="I25:AC26"/>
    <mergeCell ref="AG25:AK26"/>
    <mergeCell ref="AL25:AS26"/>
    <mergeCell ref="AT25:AX26"/>
    <mergeCell ref="AY25:BG26"/>
    <mergeCell ref="M27:AC27"/>
    <mergeCell ref="AG27:AK28"/>
    <mergeCell ref="AL27:AS28"/>
    <mergeCell ref="AT27:AX28"/>
    <mergeCell ref="D38:H41"/>
    <mergeCell ref="I38:AC41"/>
    <mergeCell ref="D42:H45"/>
    <mergeCell ref="I42:AC45"/>
    <mergeCell ref="AG44:BG44"/>
    <mergeCell ref="AG45:AO54"/>
    <mergeCell ref="AP45:AX54"/>
    <mergeCell ref="AY45:BG54"/>
    <mergeCell ref="D46:AB47"/>
    <mergeCell ref="D48:P74"/>
    <mergeCell ref="AP61:BG63"/>
    <mergeCell ref="Q64:AC65"/>
    <mergeCell ref="AL64:AO66"/>
    <mergeCell ref="AP64:BG66"/>
    <mergeCell ref="Q66:S67"/>
    <mergeCell ref="AL67:AO69"/>
    <mergeCell ref="AP67:BG69"/>
    <mergeCell ref="Q68:S71"/>
    <mergeCell ref="AG70:AK74"/>
    <mergeCell ref="AL70:AO71"/>
    <mergeCell ref="Q48:AC63"/>
    <mergeCell ref="AG55:AO55"/>
    <mergeCell ref="AP55:AX55"/>
    <mergeCell ref="AY55:BG55"/>
    <mergeCell ref="AG56:BC57"/>
    <mergeCell ref="AG58:AK60"/>
    <mergeCell ref="AL58:AO60"/>
    <mergeCell ref="AP58:BG60"/>
    <mergeCell ref="AG61:AK69"/>
    <mergeCell ref="AL61:AO63"/>
    <mergeCell ref="D75:Z75"/>
    <mergeCell ref="AA75:AC75"/>
    <mergeCell ref="AG75:BG75"/>
    <mergeCell ref="AP70:AS71"/>
    <mergeCell ref="AT70:AX71"/>
    <mergeCell ref="AY70:BB71"/>
    <mergeCell ref="BC70:BG71"/>
    <mergeCell ref="Q72:S74"/>
    <mergeCell ref="T72:AC72"/>
    <mergeCell ref="AL72:AO74"/>
    <mergeCell ref="AP72:BG74"/>
    <mergeCell ref="T73:AC73"/>
    <mergeCell ref="T74:AC74"/>
  </mergeCells>
  <phoneticPr fontId="2"/>
  <conditionalFormatting sqref="I13">
    <cfRule type="cellIs" priority="21" operator="notEqual">
      <formula>0</formula>
    </cfRule>
    <cfRule type="cellIs" dxfId="23" priority="22" operator="notEqual">
      <formula>0</formula>
    </cfRule>
  </conditionalFormatting>
  <conditionalFormatting sqref="I38">
    <cfRule type="cellIs" dxfId="22" priority="14" stopIfTrue="1" operator="notEqual">
      <formula>0</formula>
    </cfRule>
  </conditionalFormatting>
  <conditionalFormatting sqref="I42">
    <cfRule type="cellIs" dxfId="21" priority="13" stopIfTrue="1" operator="notEqual">
      <formula>0</formula>
    </cfRule>
  </conditionalFormatting>
  <conditionalFormatting sqref="I15:L15 I17:L17 I19:L19 I21:L21">
    <cfRule type="cellIs" dxfId="20" priority="20" operator="notEqual">
      <formula>0</formula>
    </cfRule>
  </conditionalFormatting>
  <conditionalFormatting sqref="M34">
    <cfRule type="cellIs" dxfId="19" priority="15" stopIfTrue="1" operator="notEqual">
      <formula>0</formula>
    </cfRule>
  </conditionalFormatting>
  <conditionalFormatting sqref="N23">
    <cfRule type="cellIs" dxfId="18" priority="3" operator="notEqual">
      <formula>0</formula>
    </cfRule>
  </conditionalFormatting>
  <conditionalFormatting sqref="Q32">
    <cfRule type="cellIs" dxfId="17" priority="24" stopIfTrue="1" operator="notEqual">
      <formula>0</formula>
    </cfRule>
    <cfRule type="expression" dxfId="16" priority="25" stopIfTrue="1">
      <formula>$A$27</formula>
    </cfRule>
  </conditionalFormatting>
  <conditionalFormatting sqref="V24 X24 Z24 AB24">
    <cfRule type="cellIs" dxfId="15" priority="16" stopIfTrue="1" operator="notEqual">
      <formula>0</formula>
    </cfRule>
  </conditionalFormatting>
  <conditionalFormatting sqref="V15:W15">
    <cfRule type="cellIs" dxfId="14" priority="17" stopIfTrue="1" operator="notEqual">
      <formula>0</formula>
    </cfRule>
  </conditionalFormatting>
  <conditionalFormatting sqref="X13">
    <cfRule type="cellIs" dxfId="13" priority="19" stopIfTrue="1" operator="notEqual">
      <formula>0</formula>
    </cfRule>
  </conditionalFormatting>
  <conditionalFormatting sqref="X17">
    <cfRule type="cellIs" dxfId="12" priority="5" operator="notEqual">
      <formula>0</formula>
    </cfRule>
  </conditionalFormatting>
  <conditionalFormatting sqref="Z19:AA19">
    <cfRule type="cellIs" dxfId="11" priority="7" stopIfTrue="1" operator="notEqual">
      <formula>0</formula>
    </cfRule>
    <cfRule type="expression" dxfId="10" priority="8" stopIfTrue="1">
      <formula>OR($A$10=1,$A$10=2,$A$10=3,$A$10=4,$A$10=5)</formula>
    </cfRule>
  </conditionalFormatting>
  <conditionalFormatting sqref="Z21:AC22">
    <cfRule type="expression" dxfId="9" priority="1" stopIfTrue="1">
      <formula>$A$13=1</formula>
    </cfRule>
    <cfRule type="cellIs" dxfId="8" priority="2" stopIfTrue="1" operator="notEqual">
      <formula>0</formula>
    </cfRule>
  </conditionalFormatting>
  <conditionalFormatting sqref="AA18">
    <cfRule type="cellIs" dxfId="7" priority="4" operator="notEqual">
      <formula>0</formula>
    </cfRule>
  </conditionalFormatting>
  <conditionalFormatting sqref="AB13">
    <cfRule type="cellIs" dxfId="6" priority="18" stopIfTrue="1" operator="notEqual">
      <formula>0</formula>
    </cfRule>
  </conditionalFormatting>
  <conditionalFormatting sqref="AB17:AC17">
    <cfRule type="cellIs" dxfId="5" priority="6" operator="notEqual">
      <formula>0</formula>
    </cfRule>
  </conditionalFormatting>
  <conditionalFormatting sqref="AL5 AY8 AG55 AP55 AY55 AT70 BC70 AP72">
    <cfRule type="cellIs" dxfId="4" priority="12" operator="notEqual">
      <formula>0</formula>
    </cfRule>
  </conditionalFormatting>
  <conditionalFormatting sqref="AL8">
    <cfRule type="cellIs" dxfId="3" priority="10" stopIfTrue="1" operator="notEqual">
      <formula>0</formula>
    </cfRule>
    <cfRule type="cellIs" dxfId="2" priority="11" operator="notEqual">
      <formula>0</formula>
    </cfRule>
  </conditionalFormatting>
  <conditionalFormatting sqref="AP58:AP59 I10 AL10 AL12 AL19 AL21 AP21 AL23 AP23 AL25 AY25 AL27 AY27 AP61:AP62 AP64:AP65 AP67:AP68">
    <cfRule type="cellIs" dxfId="1" priority="23" operator="notEqual">
      <formula>0</formula>
    </cfRule>
  </conditionalFormatting>
  <conditionalFormatting sqref="AP58:AP59">
    <cfRule type="expression" dxfId="0" priority="9" stopIfTrue="1">
      <formula>$AB$32=2</formula>
    </cfRule>
  </conditionalFormatting>
  <dataValidations count="45">
    <dataValidation allowBlank="1" showInputMessage="1" showErrorMessage="1" promptTitle="危機管理体制" prompt="緊急時（事件及び事故発生時）における、社内体制やお客様とのコミュニケーション方法の取り決め等について示してください。_x000a_・担当者　・緊急時における原因究明を容易にする情報（原材料情報、品質検査記録等）の記録及び管理方法・PL保険に入られている場合はここに記入してください。" sqref="AP72:BG74 KL72:LC74 UH72:UY74 AED72:AEU74 ANZ72:AOQ74 AXV72:AYM74 BHR72:BII74 BRN72:BSE74 CBJ72:CCA74 CLF72:CLW74 CVB72:CVS74 DEX72:DFO74 DOT72:DPK74 DYP72:DZG74 EIL72:EJC74 ESH72:ESY74 FCD72:FCU74 FLZ72:FMQ74 FVV72:FWM74 GFR72:GGI74 GPN72:GQE74 GZJ72:HAA74 HJF72:HJW74 HTB72:HTS74 ICX72:IDO74 IMT72:INK74 IWP72:IXG74 JGL72:JHC74 JQH72:JQY74 KAD72:KAU74 KJZ72:KKQ74 KTV72:KUM74 LDR72:LEI74 LNN72:LOE74 LXJ72:LYA74 MHF72:MHW74 MRB72:MRS74 NAX72:NBO74 NKT72:NLK74 NUP72:NVG74 OEL72:OFC74 OOH72:OOY74 OYD72:OYU74 PHZ72:PIQ74 PRV72:PSM74 QBR72:QCI74 QLN72:QME74 QVJ72:QWA74 RFF72:RFW74 RPB72:RPS74 RYX72:RZO74 SIT72:SJK74 SSP72:STG74 TCL72:TDC74 TMH72:TMY74 TWD72:TWU74 UFZ72:UGQ74 UPV72:UQM74 UZR72:VAI74 VJN72:VKE74 VTJ72:VUA74 WDF72:WDW74 WNB72:WNS74 WWX72:WXO74 AP65608:BG65610 KL65608:LC65610 UH65608:UY65610 AED65608:AEU65610 ANZ65608:AOQ65610 AXV65608:AYM65610 BHR65608:BII65610 BRN65608:BSE65610 CBJ65608:CCA65610 CLF65608:CLW65610 CVB65608:CVS65610 DEX65608:DFO65610 DOT65608:DPK65610 DYP65608:DZG65610 EIL65608:EJC65610 ESH65608:ESY65610 FCD65608:FCU65610 FLZ65608:FMQ65610 FVV65608:FWM65610 GFR65608:GGI65610 GPN65608:GQE65610 GZJ65608:HAA65610 HJF65608:HJW65610 HTB65608:HTS65610 ICX65608:IDO65610 IMT65608:INK65610 IWP65608:IXG65610 JGL65608:JHC65610 JQH65608:JQY65610 KAD65608:KAU65610 KJZ65608:KKQ65610 KTV65608:KUM65610 LDR65608:LEI65610 LNN65608:LOE65610 LXJ65608:LYA65610 MHF65608:MHW65610 MRB65608:MRS65610 NAX65608:NBO65610 NKT65608:NLK65610 NUP65608:NVG65610 OEL65608:OFC65610 OOH65608:OOY65610 OYD65608:OYU65610 PHZ65608:PIQ65610 PRV65608:PSM65610 QBR65608:QCI65610 QLN65608:QME65610 QVJ65608:QWA65610 RFF65608:RFW65610 RPB65608:RPS65610 RYX65608:RZO65610 SIT65608:SJK65610 SSP65608:STG65610 TCL65608:TDC65610 TMH65608:TMY65610 TWD65608:TWU65610 UFZ65608:UGQ65610 UPV65608:UQM65610 UZR65608:VAI65610 VJN65608:VKE65610 VTJ65608:VUA65610 WDF65608:WDW65610 WNB65608:WNS65610 WWX65608:WXO65610 AP131144:BG131146 KL131144:LC131146 UH131144:UY131146 AED131144:AEU131146 ANZ131144:AOQ131146 AXV131144:AYM131146 BHR131144:BII131146 BRN131144:BSE131146 CBJ131144:CCA131146 CLF131144:CLW131146 CVB131144:CVS131146 DEX131144:DFO131146 DOT131144:DPK131146 DYP131144:DZG131146 EIL131144:EJC131146 ESH131144:ESY131146 FCD131144:FCU131146 FLZ131144:FMQ131146 FVV131144:FWM131146 GFR131144:GGI131146 GPN131144:GQE131146 GZJ131144:HAA131146 HJF131144:HJW131146 HTB131144:HTS131146 ICX131144:IDO131146 IMT131144:INK131146 IWP131144:IXG131146 JGL131144:JHC131146 JQH131144:JQY131146 KAD131144:KAU131146 KJZ131144:KKQ131146 KTV131144:KUM131146 LDR131144:LEI131146 LNN131144:LOE131146 LXJ131144:LYA131146 MHF131144:MHW131146 MRB131144:MRS131146 NAX131144:NBO131146 NKT131144:NLK131146 NUP131144:NVG131146 OEL131144:OFC131146 OOH131144:OOY131146 OYD131144:OYU131146 PHZ131144:PIQ131146 PRV131144:PSM131146 QBR131144:QCI131146 QLN131144:QME131146 QVJ131144:QWA131146 RFF131144:RFW131146 RPB131144:RPS131146 RYX131144:RZO131146 SIT131144:SJK131146 SSP131144:STG131146 TCL131144:TDC131146 TMH131144:TMY131146 TWD131144:TWU131146 UFZ131144:UGQ131146 UPV131144:UQM131146 UZR131144:VAI131146 VJN131144:VKE131146 VTJ131144:VUA131146 WDF131144:WDW131146 WNB131144:WNS131146 WWX131144:WXO131146 AP196680:BG196682 KL196680:LC196682 UH196680:UY196682 AED196680:AEU196682 ANZ196680:AOQ196682 AXV196680:AYM196682 BHR196680:BII196682 BRN196680:BSE196682 CBJ196680:CCA196682 CLF196680:CLW196682 CVB196680:CVS196682 DEX196680:DFO196682 DOT196680:DPK196682 DYP196680:DZG196682 EIL196680:EJC196682 ESH196680:ESY196682 FCD196680:FCU196682 FLZ196680:FMQ196682 FVV196680:FWM196682 GFR196680:GGI196682 GPN196680:GQE196682 GZJ196680:HAA196682 HJF196680:HJW196682 HTB196680:HTS196682 ICX196680:IDO196682 IMT196680:INK196682 IWP196680:IXG196682 JGL196680:JHC196682 JQH196680:JQY196682 KAD196680:KAU196682 KJZ196680:KKQ196682 KTV196680:KUM196682 LDR196680:LEI196682 LNN196680:LOE196682 LXJ196680:LYA196682 MHF196680:MHW196682 MRB196680:MRS196682 NAX196680:NBO196682 NKT196680:NLK196682 NUP196680:NVG196682 OEL196680:OFC196682 OOH196680:OOY196682 OYD196680:OYU196682 PHZ196680:PIQ196682 PRV196680:PSM196682 QBR196680:QCI196682 QLN196680:QME196682 QVJ196680:QWA196682 RFF196680:RFW196682 RPB196680:RPS196682 RYX196680:RZO196682 SIT196680:SJK196682 SSP196680:STG196682 TCL196680:TDC196682 TMH196680:TMY196682 TWD196680:TWU196682 UFZ196680:UGQ196682 UPV196680:UQM196682 UZR196680:VAI196682 VJN196680:VKE196682 VTJ196680:VUA196682 WDF196680:WDW196682 WNB196680:WNS196682 WWX196680:WXO196682 AP262216:BG262218 KL262216:LC262218 UH262216:UY262218 AED262216:AEU262218 ANZ262216:AOQ262218 AXV262216:AYM262218 BHR262216:BII262218 BRN262216:BSE262218 CBJ262216:CCA262218 CLF262216:CLW262218 CVB262216:CVS262218 DEX262216:DFO262218 DOT262216:DPK262218 DYP262216:DZG262218 EIL262216:EJC262218 ESH262216:ESY262218 FCD262216:FCU262218 FLZ262216:FMQ262218 FVV262216:FWM262218 GFR262216:GGI262218 GPN262216:GQE262218 GZJ262216:HAA262218 HJF262216:HJW262218 HTB262216:HTS262218 ICX262216:IDO262218 IMT262216:INK262218 IWP262216:IXG262218 JGL262216:JHC262218 JQH262216:JQY262218 KAD262216:KAU262218 KJZ262216:KKQ262218 KTV262216:KUM262218 LDR262216:LEI262218 LNN262216:LOE262218 LXJ262216:LYA262218 MHF262216:MHW262218 MRB262216:MRS262218 NAX262216:NBO262218 NKT262216:NLK262218 NUP262216:NVG262218 OEL262216:OFC262218 OOH262216:OOY262218 OYD262216:OYU262218 PHZ262216:PIQ262218 PRV262216:PSM262218 QBR262216:QCI262218 QLN262216:QME262218 QVJ262216:QWA262218 RFF262216:RFW262218 RPB262216:RPS262218 RYX262216:RZO262218 SIT262216:SJK262218 SSP262216:STG262218 TCL262216:TDC262218 TMH262216:TMY262218 TWD262216:TWU262218 UFZ262216:UGQ262218 UPV262216:UQM262218 UZR262216:VAI262218 VJN262216:VKE262218 VTJ262216:VUA262218 WDF262216:WDW262218 WNB262216:WNS262218 WWX262216:WXO262218 AP327752:BG327754 KL327752:LC327754 UH327752:UY327754 AED327752:AEU327754 ANZ327752:AOQ327754 AXV327752:AYM327754 BHR327752:BII327754 BRN327752:BSE327754 CBJ327752:CCA327754 CLF327752:CLW327754 CVB327752:CVS327754 DEX327752:DFO327754 DOT327752:DPK327754 DYP327752:DZG327754 EIL327752:EJC327754 ESH327752:ESY327754 FCD327752:FCU327754 FLZ327752:FMQ327754 FVV327752:FWM327754 GFR327752:GGI327754 GPN327752:GQE327754 GZJ327752:HAA327754 HJF327752:HJW327754 HTB327752:HTS327754 ICX327752:IDO327754 IMT327752:INK327754 IWP327752:IXG327754 JGL327752:JHC327754 JQH327752:JQY327754 KAD327752:KAU327754 KJZ327752:KKQ327754 KTV327752:KUM327754 LDR327752:LEI327754 LNN327752:LOE327754 LXJ327752:LYA327754 MHF327752:MHW327754 MRB327752:MRS327754 NAX327752:NBO327754 NKT327752:NLK327754 NUP327752:NVG327754 OEL327752:OFC327754 OOH327752:OOY327754 OYD327752:OYU327754 PHZ327752:PIQ327754 PRV327752:PSM327754 QBR327752:QCI327754 QLN327752:QME327754 QVJ327752:QWA327754 RFF327752:RFW327754 RPB327752:RPS327754 RYX327752:RZO327754 SIT327752:SJK327754 SSP327752:STG327754 TCL327752:TDC327754 TMH327752:TMY327754 TWD327752:TWU327754 UFZ327752:UGQ327754 UPV327752:UQM327754 UZR327752:VAI327754 VJN327752:VKE327754 VTJ327752:VUA327754 WDF327752:WDW327754 WNB327752:WNS327754 WWX327752:WXO327754 AP393288:BG393290 KL393288:LC393290 UH393288:UY393290 AED393288:AEU393290 ANZ393288:AOQ393290 AXV393288:AYM393290 BHR393288:BII393290 BRN393288:BSE393290 CBJ393288:CCA393290 CLF393288:CLW393290 CVB393288:CVS393290 DEX393288:DFO393290 DOT393288:DPK393290 DYP393288:DZG393290 EIL393288:EJC393290 ESH393288:ESY393290 FCD393288:FCU393290 FLZ393288:FMQ393290 FVV393288:FWM393290 GFR393288:GGI393290 GPN393288:GQE393290 GZJ393288:HAA393290 HJF393288:HJW393290 HTB393288:HTS393290 ICX393288:IDO393290 IMT393288:INK393290 IWP393288:IXG393290 JGL393288:JHC393290 JQH393288:JQY393290 KAD393288:KAU393290 KJZ393288:KKQ393290 KTV393288:KUM393290 LDR393288:LEI393290 LNN393288:LOE393290 LXJ393288:LYA393290 MHF393288:MHW393290 MRB393288:MRS393290 NAX393288:NBO393290 NKT393288:NLK393290 NUP393288:NVG393290 OEL393288:OFC393290 OOH393288:OOY393290 OYD393288:OYU393290 PHZ393288:PIQ393290 PRV393288:PSM393290 QBR393288:QCI393290 QLN393288:QME393290 QVJ393288:QWA393290 RFF393288:RFW393290 RPB393288:RPS393290 RYX393288:RZO393290 SIT393288:SJK393290 SSP393288:STG393290 TCL393288:TDC393290 TMH393288:TMY393290 TWD393288:TWU393290 UFZ393288:UGQ393290 UPV393288:UQM393290 UZR393288:VAI393290 VJN393288:VKE393290 VTJ393288:VUA393290 WDF393288:WDW393290 WNB393288:WNS393290 WWX393288:WXO393290 AP458824:BG458826 KL458824:LC458826 UH458824:UY458826 AED458824:AEU458826 ANZ458824:AOQ458826 AXV458824:AYM458826 BHR458824:BII458826 BRN458824:BSE458826 CBJ458824:CCA458826 CLF458824:CLW458826 CVB458824:CVS458826 DEX458824:DFO458826 DOT458824:DPK458826 DYP458824:DZG458826 EIL458824:EJC458826 ESH458824:ESY458826 FCD458824:FCU458826 FLZ458824:FMQ458826 FVV458824:FWM458826 GFR458824:GGI458826 GPN458824:GQE458826 GZJ458824:HAA458826 HJF458824:HJW458826 HTB458824:HTS458826 ICX458824:IDO458826 IMT458824:INK458826 IWP458824:IXG458826 JGL458824:JHC458826 JQH458824:JQY458826 KAD458824:KAU458826 KJZ458824:KKQ458826 KTV458824:KUM458826 LDR458824:LEI458826 LNN458824:LOE458826 LXJ458824:LYA458826 MHF458824:MHW458826 MRB458824:MRS458826 NAX458824:NBO458826 NKT458824:NLK458826 NUP458824:NVG458826 OEL458824:OFC458826 OOH458824:OOY458826 OYD458824:OYU458826 PHZ458824:PIQ458826 PRV458824:PSM458826 QBR458824:QCI458826 QLN458824:QME458826 QVJ458824:QWA458826 RFF458824:RFW458826 RPB458824:RPS458826 RYX458824:RZO458826 SIT458824:SJK458826 SSP458824:STG458826 TCL458824:TDC458826 TMH458824:TMY458826 TWD458824:TWU458826 UFZ458824:UGQ458826 UPV458824:UQM458826 UZR458824:VAI458826 VJN458824:VKE458826 VTJ458824:VUA458826 WDF458824:WDW458826 WNB458824:WNS458826 WWX458824:WXO458826 AP524360:BG524362 KL524360:LC524362 UH524360:UY524362 AED524360:AEU524362 ANZ524360:AOQ524362 AXV524360:AYM524362 BHR524360:BII524362 BRN524360:BSE524362 CBJ524360:CCA524362 CLF524360:CLW524362 CVB524360:CVS524362 DEX524360:DFO524362 DOT524360:DPK524362 DYP524360:DZG524362 EIL524360:EJC524362 ESH524360:ESY524362 FCD524360:FCU524362 FLZ524360:FMQ524362 FVV524360:FWM524362 GFR524360:GGI524362 GPN524360:GQE524362 GZJ524360:HAA524362 HJF524360:HJW524362 HTB524360:HTS524362 ICX524360:IDO524362 IMT524360:INK524362 IWP524360:IXG524362 JGL524360:JHC524362 JQH524360:JQY524362 KAD524360:KAU524362 KJZ524360:KKQ524362 KTV524360:KUM524362 LDR524360:LEI524362 LNN524360:LOE524362 LXJ524360:LYA524362 MHF524360:MHW524362 MRB524360:MRS524362 NAX524360:NBO524362 NKT524360:NLK524362 NUP524360:NVG524362 OEL524360:OFC524362 OOH524360:OOY524362 OYD524360:OYU524362 PHZ524360:PIQ524362 PRV524360:PSM524362 QBR524360:QCI524362 QLN524360:QME524362 QVJ524360:QWA524362 RFF524360:RFW524362 RPB524360:RPS524362 RYX524360:RZO524362 SIT524360:SJK524362 SSP524360:STG524362 TCL524360:TDC524362 TMH524360:TMY524362 TWD524360:TWU524362 UFZ524360:UGQ524362 UPV524360:UQM524362 UZR524360:VAI524362 VJN524360:VKE524362 VTJ524360:VUA524362 WDF524360:WDW524362 WNB524360:WNS524362 WWX524360:WXO524362 AP589896:BG589898 KL589896:LC589898 UH589896:UY589898 AED589896:AEU589898 ANZ589896:AOQ589898 AXV589896:AYM589898 BHR589896:BII589898 BRN589896:BSE589898 CBJ589896:CCA589898 CLF589896:CLW589898 CVB589896:CVS589898 DEX589896:DFO589898 DOT589896:DPK589898 DYP589896:DZG589898 EIL589896:EJC589898 ESH589896:ESY589898 FCD589896:FCU589898 FLZ589896:FMQ589898 FVV589896:FWM589898 GFR589896:GGI589898 GPN589896:GQE589898 GZJ589896:HAA589898 HJF589896:HJW589898 HTB589896:HTS589898 ICX589896:IDO589898 IMT589896:INK589898 IWP589896:IXG589898 JGL589896:JHC589898 JQH589896:JQY589898 KAD589896:KAU589898 KJZ589896:KKQ589898 KTV589896:KUM589898 LDR589896:LEI589898 LNN589896:LOE589898 LXJ589896:LYA589898 MHF589896:MHW589898 MRB589896:MRS589898 NAX589896:NBO589898 NKT589896:NLK589898 NUP589896:NVG589898 OEL589896:OFC589898 OOH589896:OOY589898 OYD589896:OYU589898 PHZ589896:PIQ589898 PRV589896:PSM589898 QBR589896:QCI589898 QLN589896:QME589898 QVJ589896:QWA589898 RFF589896:RFW589898 RPB589896:RPS589898 RYX589896:RZO589898 SIT589896:SJK589898 SSP589896:STG589898 TCL589896:TDC589898 TMH589896:TMY589898 TWD589896:TWU589898 UFZ589896:UGQ589898 UPV589896:UQM589898 UZR589896:VAI589898 VJN589896:VKE589898 VTJ589896:VUA589898 WDF589896:WDW589898 WNB589896:WNS589898 WWX589896:WXO589898 AP655432:BG655434 KL655432:LC655434 UH655432:UY655434 AED655432:AEU655434 ANZ655432:AOQ655434 AXV655432:AYM655434 BHR655432:BII655434 BRN655432:BSE655434 CBJ655432:CCA655434 CLF655432:CLW655434 CVB655432:CVS655434 DEX655432:DFO655434 DOT655432:DPK655434 DYP655432:DZG655434 EIL655432:EJC655434 ESH655432:ESY655434 FCD655432:FCU655434 FLZ655432:FMQ655434 FVV655432:FWM655434 GFR655432:GGI655434 GPN655432:GQE655434 GZJ655432:HAA655434 HJF655432:HJW655434 HTB655432:HTS655434 ICX655432:IDO655434 IMT655432:INK655434 IWP655432:IXG655434 JGL655432:JHC655434 JQH655432:JQY655434 KAD655432:KAU655434 KJZ655432:KKQ655434 KTV655432:KUM655434 LDR655432:LEI655434 LNN655432:LOE655434 LXJ655432:LYA655434 MHF655432:MHW655434 MRB655432:MRS655434 NAX655432:NBO655434 NKT655432:NLK655434 NUP655432:NVG655434 OEL655432:OFC655434 OOH655432:OOY655434 OYD655432:OYU655434 PHZ655432:PIQ655434 PRV655432:PSM655434 QBR655432:QCI655434 QLN655432:QME655434 QVJ655432:QWA655434 RFF655432:RFW655434 RPB655432:RPS655434 RYX655432:RZO655434 SIT655432:SJK655434 SSP655432:STG655434 TCL655432:TDC655434 TMH655432:TMY655434 TWD655432:TWU655434 UFZ655432:UGQ655434 UPV655432:UQM655434 UZR655432:VAI655434 VJN655432:VKE655434 VTJ655432:VUA655434 WDF655432:WDW655434 WNB655432:WNS655434 WWX655432:WXO655434 AP720968:BG720970 KL720968:LC720970 UH720968:UY720970 AED720968:AEU720970 ANZ720968:AOQ720970 AXV720968:AYM720970 BHR720968:BII720970 BRN720968:BSE720970 CBJ720968:CCA720970 CLF720968:CLW720970 CVB720968:CVS720970 DEX720968:DFO720970 DOT720968:DPK720970 DYP720968:DZG720970 EIL720968:EJC720970 ESH720968:ESY720970 FCD720968:FCU720970 FLZ720968:FMQ720970 FVV720968:FWM720970 GFR720968:GGI720970 GPN720968:GQE720970 GZJ720968:HAA720970 HJF720968:HJW720970 HTB720968:HTS720970 ICX720968:IDO720970 IMT720968:INK720970 IWP720968:IXG720970 JGL720968:JHC720970 JQH720968:JQY720970 KAD720968:KAU720970 KJZ720968:KKQ720970 KTV720968:KUM720970 LDR720968:LEI720970 LNN720968:LOE720970 LXJ720968:LYA720970 MHF720968:MHW720970 MRB720968:MRS720970 NAX720968:NBO720970 NKT720968:NLK720970 NUP720968:NVG720970 OEL720968:OFC720970 OOH720968:OOY720970 OYD720968:OYU720970 PHZ720968:PIQ720970 PRV720968:PSM720970 QBR720968:QCI720970 QLN720968:QME720970 QVJ720968:QWA720970 RFF720968:RFW720970 RPB720968:RPS720970 RYX720968:RZO720970 SIT720968:SJK720970 SSP720968:STG720970 TCL720968:TDC720970 TMH720968:TMY720970 TWD720968:TWU720970 UFZ720968:UGQ720970 UPV720968:UQM720970 UZR720968:VAI720970 VJN720968:VKE720970 VTJ720968:VUA720970 WDF720968:WDW720970 WNB720968:WNS720970 WWX720968:WXO720970 AP786504:BG786506 KL786504:LC786506 UH786504:UY786506 AED786504:AEU786506 ANZ786504:AOQ786506 AXV786504:AYM786506 BHR786504:BII786506 BRN786504:BSE786506 CBJ786504:CCA786506 CLF786504:CLW786506 CVB786504:CVS786506 DEX786504:DFO786506 DOT786504:DPK786506 DYP786504:DZG786506 EIL786504:EJC786506 ESH786504:ESY786506 FCD786504:FCU786506 FLZ786504:FMQ786506 FVV786504:FWM786506 GFR786504:GGI786506 GPN786504:GQE786506 GZJ786504:HAA786506 HJF786504:HJW786506 HTB786504:HTS786506 ICX786504:IDO786506 IMT786504:INK786506 IWP786504:IXG786506 JGL786504:JHC786506 JQH786504:JQY786506 KAD786504:KAU786506 KJZ786504:KKQ786506 KTV786504:KUM786506 LDR786504:LEI786506 LNN786504:LOE786506 LXJ786504:LYA786506 MHF786504:MHW786506 MRB786504:MRS786506 NAX786504:NBO786506 NKT786504:NLK786506 NUP786504:NVG786506 OEL786504:OFC786506 OOH786504:OOY786506 OYD786504:OYU786506 PHZ786504:PIQ786506 PRV786504:PSM786506 QBR786504:QCI786506 QLN786504:QME786506 QVJ786504:QWA786506 RFF786504:RFW786506 RPB786504:RPS786506 RYX786504:RZO786506 SIT786504:SJK786506 SSP786504:STG786506 TCL786504:TDC786506 TMH786504:TMY786506 TWD786504:TWU786506 UFZ786504:UGQ786506 UPV786504:UQM786506 UZR786504:VAI786506 VJN786504:VKE786506 VTJ786504:VUA786506 WDF786504:WDW786506 WNB786504:WNS786506 WWX786504:WXO786506 AP852040:BG852042 KL852040:LC852042 UH852040:UY852042 AED852040:AEU852042 ANZ852040:AOQ852042 AXV852040:AYM852042 BHR852040:BII852042 BRN852040:BSE852042 CBJ852040:CCA852042 CLF852040:CLW852042 CVB852040:CVS852042 DEX852040:DFO852042 DOT852040:DPK852042 DYP852040:DZG852042 EIL852040:EJC852042 ESH852040:ESY852042 FCD852040:FCU852042 FLZ852040:FMQ852042 FVV852040:FWM852042 GFR852040:GGI852042 GPN852040:GQE852042 GZJ852040:HAA852042 HJF852040:HJW852042 HTB852040:HTS852042 ICX852040:IDO852042 IMT852040:INK852042 IWP852040:IXG852042 JGL852040:JHC852042 JQH852040:JQY852042 KAD852040:KAU852042 KJZ852040:KKQ852042 KTV852040:KUM852042 LDR852040:LEI852042 LNN852040:LOE852042 LXJ852040:LYA852042 MHF852040:MHW852042 MRB852040:MRS852042 NAX852040:NBO852042 NKT852040:NLK852042 NUP852040:NVG852042 OEL852040:OFC852042 OOH852040:OOY852042 OYD852040:OYU852042 PHZ852040:PIQ852042 PRV852040:PSM852042 QBR852040:QCI852042 QLN852040:QME852042 QVJ852040:QWA852042 RFF852040:RFW852042 RPB852040:RPS852042 RYX852040:RZO852042 SIT852040:SJK852042 SSP852040:STG852042 TCL852040:TDC852042 TMH852040:TMY852042 TWD852040:TWU852042 UFZ852040:UGQ852042 UPV852040:UQM852042 UZR852040:VAI852042 VJN852040:VKE852042 VTJ852040:VUA852042 WDF852040:WDW852042 WNB852040:WNS852042 WWX852040:WXO852042 AP917576:BG917578 KL917576:LC917578 UH917576:UY917578 AED917576:AEU917578 ANZ917576:AOQ917578 AXV917576:AYM917578 BHR917576:BII917578 BRN917576:BSE917578 CBJ917576:CCA917578 CLF917576:CLW917578 CVB917576:CVS917578 DEX917576:DFO917578 DOT917576:DPK917578 DYP917576:DZG917578 EIL917576:EJC917578 ESH917576:ESY917578 FCD917576:FCU917578 FLZ917576:FMQ917578 FVV917576:FWM917578 GFR917576:GGI917578 GPN917576:GQE917578 GZJ917576:HAA917578 HJF917576:HJW917578 HTB917576:HTS917578 ICX917576:IDO917578 IMT917576:INK917578 IWP917576:IXG917578 JGL917576:JHC917578 JQH917576:JQY917578 KAD917576:KAU917578 KJZ917576:KKQ917578 KTV917576:KUM917578 LDR917576:LEI917578 LNN917576:LOE917578 LXJ917576:LYA917578 MHF917576:MHW917578 MRB917576:MRS917578 NAX917576:NBO917578 NKT917576:NLK917578 NUP917576:NVG917578 OEL917576:OFC917578 OOH917576:OOY917578 OYD917576:OYU917578 PHZ917576:PIQ917578 PRV917576:PSM917578 QBR917576:QCI917578 QLN917576:QME917578 QVJ917576:QWA917578 RFF917576:RFW917578 RPB917576:RPS917578 RYX917576:RZO917578 SIT917576:SJK917578 SSP917576:STG917578 TCL917576:TDC917578 TMH917576:TMY917578 TWD917576:TWU917578 UFZ917576:UGQ917578 UPV917576:UQM917578 UZR917576:VAI917578 VJN917576:VKE917578 VTJ917576:VUA917578 WDF917576:WDW917578 WNB917576:WNS917578 WWX917576:WXO917578 AP983112:BG983114 KL983112:LC983114 UH983112:UY983114 AED983112:AEU983114 ANZ983112:AOQ983114 AXV983112:AYM983114 BHR983112:BII983114 BRN983112:BSE983114 CBJ983112:CCA983114 CLF983112:CLW983114 CVB983112:CVS983114 DEX983112:DFO983114 DOT983112:DPK983114 DYP983112:DZG983114 EIL983112:EJC983114 ESH983112:ESY983114 FCD983112:FCU983114 FLZ983112:FMQ983114 FVV983112:FWM983114 GFR983112:GGI983114 GPN983112:GQE983114 GZJ983112:HAA983114 HJF983112:HJW983114 HTB983112:HTS983114 ICX983112:IDO983114 IMT983112:INK983114 IWP983112:IXG983114 JGL983112:JHC983114 JQH983112:JQY983114 KAD983112:KAU983114 KJZ983112:KKQ983114 KTV983112:KUM983114 LDR983112:LEI983114 LNN983112:LOE983114 LXJ983112:LYA983114 MHF983112:MHW983114 MRB983112:MRS983114 NAX983112:NBO983114 NKT983112:NLK983114 NUP983112:NVG983114 OEL983112:OFC983114 OOH983112:OOY983114 OYD983112:OYU983114 PHZ983112:PIQ983114 PRV983112:PSM983114 QBR983112:QCI983114 QLN983112:QME983114 QVJ983112:QWA983114 RFF983112:RFW983114 RPB983112:RPS983114 RYX983112:RZO983114 SIT983112:SJK983114 SSP983112:STG983114 TCL983112:TDC983114 TMH983112:TMY983114 TWD983112:TWU983114 UFZ983112:UGQ983114 UPV983112:UQM983114 UZR983112:VAI983114 VJN983112:VKE983114 VTJ983112:VUA983114 WDF983112:WDW983114 WNB983112:WNS983114 WWX983112:WXO983114" xr:uid="{00000000-0002-0000-0100-000000000000}"/>
    <dataValidation allowBlank="1" showInputMessage="1" showErrorMessage="1" promptTitle="衛生管理への取組" prompt="製造現場、生産現場が安全かつ適切な食品を供給し、危害の発生を防止するための体制が整っていることを示してください。_x000a__x000a_生産・製造工程の管理_x000a_従業員の管理_x000a_施設整備と管理" sqref="AP61:BG69 KL61:LC69 UH61:UY69 AED61:AEU69 ANZ61:AOQ69 AXV61:AYM69 BHR61:BII69 BRN61:BSE69 CBJ61:CCA69 CLF61:CLW69 CVB61:CVS69 DEX61:DFO69 DOT61:DPK69 DYP61:DZG69 EIL61:EJC69 ESH61:ESY69 FCD61:FCU69 FLZ61:FMQ69 FVV61:FWM69 GFR61:GGI69 GPN61:GQE69 GZJ61:HAA69 HJF61:HJW69 HTB61:HTS69 ICX61:IDO69 IMT61:INK69 IWP61:IXG69 JGL61:JHC69 JQH61:JQY69 KAD61:KAU69 KJZ61:KKQ69 KTV61:KUM69 LDR61:LEI69 LNN61:LOE69 LXJ61:LYA69 MHF61:MHW69 MRB61:MRS69 NAX61:NBO69 NKT61:NLK69 NUP61:NVG69 OEL61:OFC69 OOH61:OOY69 OYD61:OYU69 PHZ61:PIQ69 PRV61:PSM69 QBR61:QCI69 QLN61:QME69 QVJ61:QWA69 RFF61:RFW69 RPB61:RPS69 RYX61:RZO69 SIT61:SJK69 SSP61:STG69 TCL61:TDC69 TMH61:TMY69 TWD61:TWU69 UFZ61:UGQ69 UPV61:UQM69 UZR61:VAI69 VJN61:VKE69 VTJ61:VUA69 WDF61:WDW69 WNB61:WNS69 WWX61:WXO69 AP65597:BG65605 KL65597:LC65605 UH65597:UY65605 AED65597:AEU65605 ANZ65597:AOQ65605 AXV65597:AYM65605 BHR65597:BII65605 BRN65597:BSE65605 CBJ65597:CCA65605 CLF65597:CLW65605 CVB65597:CVS65605 DEX65597:DFO65605 DOT65597:DPK65605 DYP65597:DZG65605 EIL65597:EJC65605 ESH65597:ESY65605 FCD65597:FCU65605 FLZ65597:FMQ65605 FVV65597:FWM65605 GFR65597:GGI65605 GPN65597:GQE65605 GZJ65597:HAA65605 HJF65597:HJW65605 HTB65597:HTS65605 ICX65597:IDO65605 IMT65597:INK65605 IWP65597:IXG65605 JGL65597:JHC65605 JQH65597:JQY65605 KAD65597:KAU65605 KJZ65597:KKQ65605 KTV65597:KUM65605 LDR65597:LEI65605 LNN65597:LOE65605 LXJ65597:LYA65605 MHF65597:MHW65605 MRB65597:MRS65605 NAX65597:NBO65605 NKT65597:NLK65605 NUP65597:NVG65605 OEL65597:OFC65605 OOH65597:OOY65605 OYD65597:OYU65605 PHZ65597:PIQ65605 PRV65597:PSM65605 QBR65597:QCI65605 QLN65597:QME65605 QVJ65597:QWA65605 RFF65597:RFW65605 RPB65597:RPS65605 RYX65597:RZO65605 SIT65597:SJK65605 SSP65597:STG65605 TCL65597:TDC65605 TMH65597:TMY65605 TWD65597:TWU65605 UFZ65597:UGQ65605 UPV65597:UQM65605 UZR65597:VAI65605 VJN65597:VKE65605 VTJ65597:VUA65605 WDF65597:WDW65605 WNB65597:WNS65605 WWX65597:WXO65605 AP131133:BG131141 KL131133:LC131141 UH131133:UY131141 AED131133:AEU131141 ANZ131133:AOQ131141 AXV131133:AYM131141 BHR131133:BII131141 BRN131133:BSE131141 CBJ131133:CCA131141 CLF131133:CLW131141 CVB131133:CVS131141 DEX131133:DFO131141 DOT131133:DPK131141 DYP131133:DZG131141 EIL131133:EJC131141 ESH131133:ESY131141 FCD131133:FCU131141 FLZ131133:FMQ131141 FVV131133:FWM131141 GFR131133:GGI131141 GPN131133:GQE131141 GZJ131133:HAA131141 HJF131133:HJW131141 HTB131133:HTS131141 ICX131133:IDO131141 IMT131133:INK131141 IWP131133:IXG131141 JGL131133:JHC131141 JQH131133:JQY131141 KAD131133:KAU131141 KJZ131133:KKQ131141 KTV131133:KUM131141 LDR131133:LEI131141 LNN131133:LOE131141 LXJ131133:LYA131141 MHF131133:MHW131141 MRB131133:MRS131141 NAX131133:NBO131141 NKT131133:NLK131141 NUP131133:NVG131141 OEL131133:OFC131141 OOH131133:OOY131141 OYD131133:OYU131141 PHZ131133:PIQ131141 PRV131133:PSM131141 QBR131133:QCI131141 QLN131133:QME131141 QVJ131133:QWA131141 RFF131133:RFW131141 RPB131133:RPS131141 RYX131133:RZO131141 SIT131133:SJK131141 SSP131133:STG131141 TCL131133:TDC131141 TMH131133:TMY131141 TWD131133:TWU131141 UFZ131133:UGQ131141 UPV131133:UQM131141 UZR131133:VAI131141 VJN131133:VKE131141 VTJ131133:VUA131141 WDF131133:WDW131141 WNB131133:WNS131141 WWX131133:WXO131141 AP196669:BG196677 KL196669:LC196677 UH196669:UY196677 AED196669:AEU196677 ANZ196669:AOQ196677 AXV196669:AYM196677 BHR196669:BII196677 BRN196669:BSE196677 CBJ196669:CCA196677 CLF196669:CLW196677 CVB196669:CVS196677 DEX196669:DFO196677 DOT196669:DPK196677 DYP196669:DZG196677 EIL196669:EJC196677 ESH196669:ESY196677 FCD196669:FCU196677 FLZ196669:FMQ196677 FVV196669:FWM196677 GFR196669:GGI196677 GPN196669:GQE196677 GZJ196669:HAA196677 HJF196669:HJW196677 HTB196669:HTS196677 ICX196669:IDO196677 IMT196669:INK196677 IWP196669:IXG196677 JGL196669:JHC196677 JQH196669:JQY196677 KAD196669:KAU196677 KJZ196669:KKQ196677 KTV196669:KUM196677 LDR196669:LEI196677 LNN196669:LOE196677 LXJ196669:LYA196677 MHF196669:MHW196677 MRB196669:MRS196677 NAX196669:NBO196677 NKT196669:NLK196677 NUP196669:NVG196677 OEL196669:OFC196677 OOH196669:OOY196677 OYD196669:OYU196677 PHZ196669:PIQ196677 PRV196669:PSM196677 QBR196669:QCI196677 QLN196669:QME196677 QVJ196669:QWA196677 RFF196669:RFW196677 RPB196669:RPS196677 RYX196669:RZO196677 SIT196669:SJK196677 SSP196669:STG196677 TCL196669:TDC196677 TMH196669:TMY196677 TWD196669:TWU196677 UFZ196669:UGQ196677 UPV196669:UQM196677 UZR196669:VAI196677 VJN196669:VKE196677 VTJ196669:VUA196677 WDF196669:WDW196677 WNB196669:WNS196677 WWX196669:WXO196677 AP262205:BG262213 KL262205:LC262213 UH262205:UY262213 AED262205:AEU262213 ANZ262205:AOQ262213 AXV262205:AYM262213 BHR262205:BII262213 BRN262205:BSE262213 CBJ262205:CCA262213 CLF262205:CLW262213 CVB262205:CVS262213 DEX262205:DFO262213 DOT262205:DPK262213 DYP262205:DZG262213 EIL262205:EJC262213 ESH262205:ESY262213 FCD262205:FCU262213 FLZ262205:FMQ262213 FVV262205:FWM262213 GFR262205:GGI262213 GPN262205:GQE262213 GZJ262205:HAA262213 HJF262205:HJW262213 HTB262205:HTS262213 ICX262205:IDO262213 IMT262205:INK262213 IWP262205:IXG262213 JGL262205:JHC262213 JQH262205:JQY262213 KAD262205:KAU262213 KJZ262205:KKQ262213 KTV262205:KUM262213 LDR262205:LEI262213 LNN262205:LOE262213 LXJ262205:LYA262213 MHF262205:MHW262213 MRB262205:MRS262213 NAX262205:NBO262213 NKT262205:NLK262213 NUP262205:NVG262213 OEL262205:OFC262213 OOH262205:OOY262213 OYD262205:OYU262213 PHZ262205:PIQ262213 PRV262205:PSM262213 QBR262205:QCI262213 QLN262205:QME262213 QVJ262205:QWA262213 RFF262205:RFW262213 RPB262205:RPS262213 RYX262205:RZO262213 SIT262205:SJK262213 SSP262205:STG262213 TCL262205:TDC262213 TMH262205:TMY262213 TWD262205:TWU262213 UFZ262205:UGQ262213 UPV262205:UQM262213 UZR262205:VAI262213 VJN262205:VKE262213 VTJ262205:VUA262213 WDF262205:WDW262213 WNB262205:WNS262213 WWX262205:WXO262213 AP327741:BG327749 KL327741:LC327749 UH327741:UY327749 AED327741:AEU327749 ANZ327741:AOQ327749 AXV327741:AYM327749 BHR327741:BII327749 BRN327741:BSE327749 CBJ327741:CCA327749 CLF327741:CLW327749 CVB327741:CVS327749 DEX327741:DFO327749 DOT327741:DPK327749 DYP327741:DZG327749 EIL327741:EJC327749 ESH327741:ESY327749 FCD327741:FCU327749 FLZ327741:FMQ327749 FVV327741:FWM327749 GFR327741:GGI327749 GPN327741:GQE327749 GZJ327741:HAA327749 HJF327741:HJW327749 HTB327741:HTS327749 ICX327741:IDO327749 IMT327741:INK327749 IWP327741:IXG327749 JGL327741:JHC327749 JQH327741:JQY327749 KAD327741:KAU327749 KJZ327741:KKQ327749 KTV327741:KUM327749 LDR327741:LEI327749 LNN327741:LOE327749 LXJ327741:LYA327749 MHF327741:MHW327749 MRB327741:MRS327749 NAX327741:NBO327749 NKT327741:NLK327749 NUP327741:NVG327749 OEL327741:OFC327749 OOH327741:OOY327749 OYD327741:OYU327749 PHZ327741:PIQ327749 PRV327741:PSM327749 QBR327741:QCI327749 QLN327741:QME327749 QVJ327741:QWA327749 RFF327741:RFW327749 RPB327741:RPS327749 RYX327741:RZO327749 SIT327741:SJK327749 SSP327741:STG327749 TCL327741:TDC327749 TMH327741:TMY327749 TWD327741:TWU327749 UFZ327741:UGQ327749 UPV327741:UQM327749 UZR327741:VAI327749 VJN327741:VKE327749 VTJ327741:VUA327749 WDF327741:WDW327749 WNB327741:WNS327749 WWX327741:WXO327749 AP393277:BG393285 KL393277:LC393285 UH393277:UY393285 AED393277:AEU393285 ANZ393277:AOQ393285 AXV393277:AYM393285 BHR393277:BII393285 BRN393277:BSE393285 CBJ393277:CCA393285 CLF393277:CLW393285 CVB393277:CVS393285 DEX393277:DFO393285 DOT393277:DPK393285 DYP393277:DZG393285 EIL393277:EJC393285 ESH393277:ESY393285 FCD393277:FCU393285 FLZ393277:FMQ393285 FVV393277:FWM393285 GFR393277:GGI393285 GPN393277:GQE393285 GZJ393277:HAA393285 HJF393277:HJW393285 HTB393277:HTS393285 ICX393277:IDO393285 IMT393277:INK393285 IWP393277:IXG393285 JGL393277:JHC393285 JQH393277:JQY393285 KAD393277:KAU393285 KJZ393277:KKQ393285 KTV393277:KUM393285 LDR393277:LEI393285 LNN393277:LOE393285 LXJ393277:LYA393285 MHF393277:MHW393285 MRB393277:MRS393285 NAX393277:NBO393285 NKT393277:NLK393285 NUP393277:NVG393285 OEL393277:OFC393285 OOH393277:OOY393285 OYD393277:OYU393285 PHZ393277:PIQ393285 PRV393277:PSM393285 QBR393277:QCI393285 QLN393277:QME393285 QVJ393277:QWA393285 RFF393277:RFW393285 RPB393277:RPS393285 RYX393277:RZO393285 SIT393277:SJK393285 SSP393277:STG393285 TCL393277:TDC393285 TMH393277:TMY393285 TWD393277:TWU393285 UFZ393277:UGQ393285 UPV393277:UQM393285 UZR393277:VAI393285 VJN393277:VKE393285 VTJ393277:VUA393285 WDF393277:WDW393285 WNB393277:WNS393285 WWX393277:WXO393285 AP458813:BG458821 KL458813:LC458821 UH458813:UY458821 AED458813:AEU458821 ANZ458813:AOQ458821 AXV458813:AYM458821 BHR458813:BII458821 BRN458813:BSE458821 CBJ458813:CCA458821 CLF458813:CLW458821 CVB458813:CVS458821 DEX458813:DFO458821 DOT458813:DPK458821 DYP458813:DZG458821 EIL458813:EJC458821 ESH458813:ESY458821 FCD458813:FCU458821 FLZ458813:FMQ458821 FVV458813:FWM458821 GFR458813:GGI458821 GPN458813:GQE458821 GZJ458813:HAA458821 HJF458813:HJW458821 HTB458813:HTS458821 ICX458813:IDO458821 IMT458813:INK458821 IWP458813:IXG458821 JGL458813:JHC458821 JQH458813:JQY458821 KAD458813:KAU458821 KJZ458813:KKQ458821 KTV458813:KUM458821 LDR458813:LEI458821 LNN458813:LOE458821 LXJ458813:LYA458821 MHF458813:MHW458821 MRB458813:MRS458821 NAX458813:NBO458821 NKT458813:NLK458821 NUP458813:NVG458821 OEL458813:OFC458821 OOH458813:OOY458821 OYD458813:OYU458821 PHZ458813:PIQ458821 PRV458813:PSM458821 QBR458813:QCI458821 QLN458813:QME458821 QVJ458813:QWA458821 RFF458813:RFW458821 RPB458813:RPS458821 RYX458813:RZO458821 SIT458813:SJK458821 SSP458813:STG458821 TCL458813:TDC458821 TMH458813:TMY458821 TWD458813:TWU458821 UFZ458813:UGQ458821 UPV458813:UQM458821 UZR458813:VAI458821 VJN458813:VKE458821 VTJ458813:VUA458821 WDF458813:WDW458821 WNB458813:WNS458821 WWX458813:WXO458821 AP524349:BG524357 KL524349:LC524357 UH524349:UY524357 AED524349:AEU524357 ANZ524349:AOQ524357 AXV524349:AYM524357 BHR524349:BII524357 BRN524349:BSE524357 CBJ524349:CCA524357 CLF524349:CLW524357 CVB524349:CVS524357 DEX524349:DFO524357 DOT524349:DPK524357 DYP524349:DZG524357 EIL524349:EJC524357 ESH524349:ESY524357 FCD524349:FCU524357 FLZ524349:FMQ524357 FVV524349:FWM524357 GFR524349:GGI524357 GPN524349:GQE524357 GZJ524349:HAA524357 HJF524349:HJW524357 HTB524349:HTS524357 ICX524349:IDO524357 IMT524349:INK524357 IWP524349:IXG524357 JGL524349:JHC524357 JQH524349:JQY524357 KAD524349:KAU524357 KJZ524349:KKQ524357 KTV524349:KUM524357 LDR524349:LEI524357 LNN524349:LOE524357 LXJ524349:LYA524357 MHF524349:MHW524357 MRB524349:MRS524357 NAX524349:NBO524357 NKT524349:NLK524357 NUP524349:NVG524357 OEL524349:OFC524357 OOH524349:OOY524357 OYD524349:OYU524357 PHZ524349:PIQ524357 PRV524349:PSM524357 QBR524349:QCI524357 QLN524349:QME524357 QVJ524349:QWA524357 RFF524349:RFW524357 RPB524349:RPS524357 RYX524349:RZO524357 SIT524349:SJK524357 SSP524349:STG524357 TCL524349:TDC524357 TMH524349:TMY524357 TWD524349:TWU524357 UFZ524349:UGQ524357 UPV524349:UQM524357 UZR524349:VAI524357 VJN524349:VKE524357 VTJ524349:VUA524357 WDF524349:WDW524357 WNB524349:WNS524357 WWX524349:WXO524357 AP589885:BG589893 KL589885:LC589893 UH589885:UY589893 AED589885:AEU589893 ANZ589885:AOQ589893 AXV589885:AYM589893 BHR589885:BII589893 BRN589885:BSE589893 CBJ589885:CCA589893 CLF589885:CLW589893 CVB589885:CVS589893 DEX589885:DFO589893 DOT589885:DPK589893 DYP589885:DZG589893 EIL589885:EJC589893 ESH589885:ESY589893 FCD589885:FCU589893 FLZ589885:FMQ589893 FVV589885:FWM589893 GFR589885:GGI589893 GPN589885:GQE589893 GZJ589885:HAA589893 HJF589885:HJW589893 HTB589885:HTS589893 ICX589885:IDO589893 IMT589885:INK589893 IWP589885:IXG589893 JGL589885:JHC589893 JQH589885:JQY589893 KAD589885:KAU589893 KJZ589885:KKQ589893 KTV589885:KUM589893 LDR589885:LEI589893 LNN589885:LOE589893 LXJ589885:LYA589893 MHF589885:MHW589893 MRB589885:MRS589893 NAX589885:NBO589893 NKT589885:NLK589893 NUP589885:NVG589893 OEL589885:OFC589893 OOH589885:OOY589893 OYD589885:OYU589893 PHZ589885:PIQ589893 PRV589885:PSM589893 QBR589885:QCI589893 QLN589885:QME589893 QVJ589885:QWA589893 RFF589885:RFW589893 RPB589885:RPS589893 RYX589885:RZO589893 SIT589885:SJK589893 SSP589885:STG589893 TCL589885:TDC589893 TMH589885:TMY589893 TWD589885:TWU589893 UFZ589885:UGQ589893 UPV589885:UQM589893 UZR589885:VAI589893 VJN589885:VKE589893 VTJ589885:VUA589893 WDF589885:WDW589893 WNB589885:WNS589893 WWX589885:WXO589893 AP655421:BG655429 KL655421:LC655429 UH655421:UY655429 AED655421:AEU655429 ANZ655421:AOQ655429 AXV655421:AYM655429 BHR655421:BII655429 BRN655421:BSE655429 CBJ655421:CCA655429 CLF655421:CLW655429 CVB655421:CVS655429 DEX655421:DFO655429 DOT655421:DPK655429 DYP655421:DZG655429 EIL655421:EJC655429 ESH655421:ESY655429 FCD655421:FCU655429 FLZ655421:FMQ655429 FVV655421:FWM655429 GFR655421:GGI655429 GPN655421:GQE655429 GZJ655421:HAA655429 HJF655421:HJW655429 HTB655421:HTS655429 ICX655421:IDO655429 IMT655421:INK655429 IWP655421:IXG655429 JGL655421:JHC655429 JQH655421:JQY655429 KAD655421:KAU655429 KJZ655421:KKQ655429 KTV655421:KUM655429 LDR655421:LEI655429 LNN655421:LOE655429 LXJ655421:LYA655429 MHF655421:MHW655429 MRB655421:MRS655429 NAX655421:NBO655429 NKT655421:NLK655429 NUP655421:NVG655429 OEL655421:OFC655429 OOH655421:OOY655429 OYD655421:OYU655429 PHZ655421:PIQ655429 PRV655421:PSM655429 QBR655421:QCI655429 QLN655421:QME655429 QVJ655421:QWA655429 RFF655421:RFW655429 RPB655421:RPS655429 RYX655421:RZO655429 SIT655421:SJK655429 SSP655421:STG655429 TCL655421:TDC655429 TMH655421:TMY655429 TWD655421:TWU655429 UFZ655421:UGQ655429 UPV655421:UQM655429 UZR655421:VAI655429 VJN655421:VKE655429 VTJ655421:VUA655429 WDF655421:WDW655429 WNB655421:WNS655429 WWX655421:WXO655429 AP720957:BG720965 KL720957:LC720965 UH720957:UY720965 AED720957:AEU720965 ANZ720957:AOQ720965 AXV720957:AYM720965 BHR720957:BII720965 BRN720957:BSE720965 CBJ720957:CCA720965 CLF720957:CLW720965 CVB720957:CVS720965 DEX720957:DFO720965 DOT720957:DPK720965 DYP720957:DZG720965 EIL720957:EJC720965 ESH720957:ESY720965 FCD720957:FCU720965 FLZ720957:FMQ720965 FVV720957:FWM720965 GFR720957:GGI720965 GPN720957:GQE720965 GZJ720957:HAA720965 HJF720957:HJW720965 HTB720957:HTS720965 ICX720957:IDO720965 IMT720957:INK720965 IWP720957:IXG720965 JGL720957:JHC720965 JQH720957:JQY720965 KAD720957:KAU720965 KJZ720957:KKQ720965 KTV720957:KUM720965 LDR720957:LEI720965 LNN720957:LOE720965 LXJ720957:LYA720965 MHF720957:MHW720965 MRB720957:MRS720965 NAX720957:NBO720965 NKT720957:NLK720965 NUP720957:NVG720965 OEL720957:OFC720965 OOH720957:OOY720965 OYD720957:OYU720965 PHZ720957:PIQ720965 PRV720957:PSM720965 QBR720957:QCI720965 QLN720957:QME720965 QVJ720957:QWA720965 RFF720957:RFW720965 RPB720957:RPS720965 RYX720957:RZO720965 SIT720957:SJK720965 SSP720957:STG720965 TCL720957:TDC720965 TMH720957:TMY720965 TWD720957:TWU720965 UFZ720957:UGQ720965 UPV720957:UQM720965 UZR720957:VAI720965 VJN720957:VKE720965 VTJ720957:VUA720965 WDF720957:WDW720965 WNB720957:WNS720965 WWX720957:WXO720965 AP786493:BG786501 KL786493:LC786501 UH786493:UY786501 AED786493:AEU786501 ANZ786493:AOQ786501 AXV786493:AYM786501 BHR786493:BII786501 BRN786493:BSE786501 CBJ786493:CCA786501 CLF786493:CLW786501 CVB786493:CVS786501 DEX786493:DFO786501 DOT786493:DPK786501 DYP786493:DZG786501 EIL786493:EJC786501 ESH786493:ESY786501 FCD786493:FCU786501 FLZ786493:FMQ786501 FVV786493:FWM786501 GFR786493:GGI786501 GPN786493:GQE786501 GZJ786493:HAA786501 HJF786493:HJW786501 HTB786493:HTS786501 ICX786493:IDO786501 IMT786493:INK786501 IWP786493:IXG786501 JGL786493:JHC786501 JQH786493:JQY786501 KAD786493:KAU786501 KJZ786493:KKQ786501 KTV786493:KUM786501 LDR786493:LEI786501 LNN786493:LOE786501 LXJ786493:LYA786501 MHF786493:MHW786501 MRB786493:MRS786501 NAX786493:NBO786501 NKT786493:NLK786501 NUP786493:NVG786501 OEL786493:OFC786501 OOH786493:OOY786501 OYD786493:OYU786501 PHZ786493:PIQ786501 PRV786493:PSM786501 QBR786493:QCI786501 QLN786493:QME786501 QVJ786493:QWA786501 RFF786493:RFW786501 RPB786493:RPS786501 RYX786493:RZO786501 SIT786493:SJK786501 SSP786493:STG786501 TCL786493:TDC786501 TMH786493:TMY786501 TWD786493:TWU786501 UFZ786493:UGQ786501 UPV786493:UQM786501 UZR786493:VAI786501 VJN786493:VKE786501 VTJ786493:VUA786501 WDF786493:WDW786501 WNB786493:WNS786501 WWX786493:WXO786501 AP852029:BG852037 KL852029:LC852037 UH852029:UY852037 AED852029:AEU852037 ANZ852029:AOQ852037 AXV852029:AYM852037 BHR852029:BII852037 BRN852029:BSE852037 CBJ852029:CCA852037 CLF852029:CLW852037 CVB852029:CVS852037 DEX852029:DFO852037 DOT852029:DPK852037 DYP852029:DZG852037 EIL852029:EJC852037 ESH852029:ESY852037 FCD852029:FCU852037 FLZ852029:FMQ852037 FVV852029:FWM852037 GFR852029:GGI852037 GPN852029:GQE852037 GZJ852029:HAA852037 HJF852029:HJW852037 HTB852029:HTS852037 ICX852029:IDO852037 IMT852029:INK852037 IWP852029:IXG852037 JGL852029:JHC852037 JQH852029:JQY852037 KAD852029:KAU852037 KJZ852029:KKQ852037 KTV852029:KUM852037 LDR852029:LEI852037 LNN852029:LOE852037 LXJ852029:LYA852037 MHF852029:MHW852037 MRB852029:MRS852037 NAX852029:NBO852037 NKT852029:NLK852037 NUP852029:NVG852037 OEL852029:OFC852037 OOH852029:OOY852037 OYD852029:OYU852037 PHZ852029:PIQ852037 PRV852029:PSM852037 QBR852029:QCI852037 QLN852029:QME852037 QVJ852029:QWA852037 RFF852029:RFW852037 RPB852029:RPS852037 RYX852029:RZO852037 SIT852029:SJK852037 SSP852029:STG852037 TCL852029:TDC852037 TMH852029:TMY852037 TWD852029:TWU852037 UFZ852029:UGQ852037 UPV852029:UQM852037 UZR852029:VAI852037 VJN852029:VKE852037 VTJ852029:VUA852037 WDF852029:WDW852037 WNB852029:WNS852037 WWX852029:WXO852037 AP917565:BG917573 KL917565:LC917573 UH917565:UY917573 AED917565:AEU917573 ANZ917565:AOQ917573 AXV917565:AYM917573 BHR917565:BII917573 BRN917565:BSE917573 CBJ917565:CCA917573 CLF917565:CLW917573 CVB917565:CVS917573 DEX917565:DFO917573 DOT917565:DPK917573 DYP917565:DZG917573 EIL917565:EJC917573 ESH917565:ESY917573 FCD917565:FCU917573 FLZ917565:FMQ917573 FVV917565:FWM917573 GFR917565:GGI917573 GPN917565:GQE917573 GZJ917565:HAA917573 HJF917565:HJW917573 HTB917565:HTS917573 ICX917565:IDO917573 IMT917565:INK917573 IWP917565:IXG917573 JGL917565:JHC917573 JQH917565:JQY917573 KAD917565:KAU917573 KJZ917565:KKQ917573 KTV917565:KUM917573 LDR917565:LEI917573 LNN917565:LOE917573 LXJ917565:LYA917573 MHF917565:MHW917573 MRB917565:MRS917573 NAX917565:NBO917573 NKT917565:NLK917573 NUP917565:NVG917573 OEL917565:OFC917573 OOH917565:OOY917573 OYD917565:OYU917573 PHZ917565:PIQ917573 PRV917565:PSM917573 QBR917565:QCI917573 QLN917565:QME917573 QVJ917565:QWA917573 RFF917565:RFW917573 RPB917565:RPS917573 RYX917565:RZO917573 SIT917565:SJK917573 SSP917565:STG917573 TCL917565:TDC917573 TMH917565:TMY917573 TWD917565:TWU917573 UFZ917565:UGQ917573 UPV917565:UQM917573 UZR917565:VAI917573 VJN917565:VKE917573 VTJ917565:VUA917573 WDF917565:WDW917573 WNB917565:WNS917573 WWX917565:WXO917573 AP983101:BG983109 KL983101:LC983109 UH983101:UY983109 AED983101:AEU983109 ANZ983101:AOQ983109 AXV983101:AYM983109 BHR983101:BII983109 BRN983101:BSE983109 CBJ983101:CCA983109 CLF983101:CLW983109 CVB983101:CVS983109 DEX983101:DFO983109 DOT983101:DPK983109 DYP983101:DZG983109 EIL983101:EJC983109 ESH983101:ESY983109 FCD983101:FCU983109 FLZ983101:FMQ983109 FVV983101:FWM983109 GFR983101:GGI983109 GPN983101:GQE983109 GZJ983101:HAA983109 HJF983101:HJW983109 HTB983101:HTS983109 ICX983101:IDO983109 IMT983101:INK983109 IWP983101:IXG983109 JGL983101:JHC983109 JQH983101:JQY983109 KAD983101:KAU983109 KJZ983101:KKQ983109 KTV983101:KUM983109 LDR983101:LEI983109 LNN983101:LOE983109 LXJ983101:LYA983109 MHF983101:MHW983109 MRB983101:MRS983109 NAX983101:NBO983109 NKT983101:NLK983109 NUP983101:NVG983109 OEL983101:OFC983109 OOH983101:OOY983109 OYD983101:OYU983109 PHZ983101:PIQ983109 PRV983101:PSM983109 QBR983101:QCI983109 QLN983101:QME983109 QVJ983101:QWA983109 RFF983101:RFW983109 RPB983101:RPS983109 RYX983101:RZO983109 SIT983101:SJK983109 SSP983101:STG983109 TCL983101:TDC983109 TMH983101:TMY983109 TWD983101:TWU983109 UFZ983101:UGQ983109 UPV983101:UQM983109 UZR983101:VAI983109 VJN983101:VKE983109 VTJ983101:VUA983109 WDF983101:WDW983109 WNB983101:WNS983109 WWX983101:WXO983109" xr:uid="{00000000-0002-0000-0100-000001000000}"/>
    <dataValidation allowBlank="1" showInputMessage="1" showErrorMessage="1" promptTitle="一括表示とアレルギー表示" prompt="特定原材料を使用していなくても、それらを使用している工場内で生産している場合は、備考の欄に「同工場内で○○を使用しています」などの文言もをいれましょう。_x000a__x000a_アレルギー表示は、使用している項目に☑をしてください。_x000a_使用していない場合は、この欄に大きく×印をつけましょう。" sqref="Q48:AC63 JM48:JY63 TI48:TU63 ADE48:ADQ63 ANA48:ANM63 AWW48:AXI63 BGS48:BHE63 BQO48:BRA63 CAK48:CAW63 CKG48:CKS63 CUC48:CUO63 DDY48:DEK63 DNU48:DOG63 DXQ48:DYC63 EHM48:EHY63 ERI48:ERU63 FBE48:FBQ63 FLA48:FLM63 FUW48:FVI63 GES48:GFE63 GOO48:GPA63 GYK48:GYW63 HIG48:HIS63 HSC48:HSO63 IBY48:ICK63 ILU48:IMG63 IVQ48:IWC63 JFM48:JFY63 JPI48:JPU63 JZE48:JZQ63 KJA48:KJM63 KSW48:KTI63 LCS48:LDE63 LMO48:LNA63 LWK48:LWW63 MGG48:MGS63 MQC48:MQO63 MZY48:NAK63 NJU48:NKG63 NTQ48:NUC63 ODM48:ODY63 ONI48:ONU63 OXE48:OXQ63 PHA48:PHM63 PQW48:PRI63 QAS48:QBE63 QKO48:QLA63 QUK48:QUW63 REG48:RES63 ROC48:ROO63 RXY48:RYK63 SHU48:SIG63 SRQ48:SSC63 TBM48:TBY63 TLI48:TLU63 TVE48:TVQ63 UFA48:UFM63 UOW48:UPI63 UYS48:UZE63 VIO48:VJA63 VSK48:VSW63 WCG48:WCS63 WMC48:WMO63 WVY48:WWK63 Q65584:AC65599 JM65584:JY65599 TI65584:TU65599 ADE65584:ADQ65599 ANA65584:ANM65599 AWW65584:AXI65599 BGS65584:BHE65599 BQO65584:BRA65599 CAK65584:CAW65599 CKG65584:CKS65599 CUC65584:CUO65599 DDY65584:DEK65599 DNU65584:DOG65599 DXQ65584:DYC65599 EHM65584:EHY65599 ERI65584:ERU65599 FBE65584:FBQ65599 FLA65584:FLM65599 FUW65584:FVI65599 GES65584:GFE65599 GOO65584:GPA65599 GYK65584:GYW65599 HIG65584:HIS65599 HSC65584:HSO65599 IBY65584:ICK65599 ILU65584:IMG65599 IVQ65584:IWC65599 JFM65584:JFY65599 JPI65584:JPU65599 JZE65584:JZQ65599 KJA65584:KJM65599 KSW65584:KTI65599 LCS65584:LDE65599 LMO65584:LNA65599 LWK65584:LWW65599 MGG65584:MGS65599 MQC65584:MQO65599 MZY65584:NAK65599 NJU65584:NKG65599 NTQ65584:NUC65599 ODM65584:ODY65599 ONI65584:ONU65599 OXE65584:OXQ65599 PHA65584:PHM65599 PQW65584:PRI65599 QAS65584:QBE65599 QKO65584:QLA65599 QUK65584:QUW65599 REG65584:RES65599 ROC65584:ROO65599 RXY65584:RYK65599 SHU65584:SIG65599 SRQ65584:SSC65599 TBM65584:TBY65599 TLI65584:TLU65599 TVE65584:TVQ65599 UFA65584:UFM65599 UOW65584:UPI65599 UYS65584:UZE65599 VIO65584:VJA65599 VSK65584:VSW65599 WCG65584:WCS65599 WMC65584:WMO65599 WVY65584:WWK65599 Q131120:AC131135 JM131120:JY131135 TI131120:TU131135 ADE131120:ADQ131135 ANA131120:ANM131135 AWW131120:AXI131135 BGS131120:BHE131135 BQO131120:BRA131135 CAK131120:CAW131135 CKG131120:CKS131135 CUC131120:CUO131135 DDY131120:DEK131135 DNU131120:DOG131135 DXQ131120:DYC131135 EHM131120:EHY131135 ERI131120:ERU131135 FBE131120:FBQ131135 FLA131120:FLM131135 FUW131120:FVI131135 GES131120:GFE131135 GOO131120:GPA131135 GYK131120:GYW131135 HIG131120:HIS131135 HSC131120:HSO131135 IBY131120:ICK131135 ILU131120:IMG131135 IVQ131120:IWC131135 JFM131120:JFY131135 JPI131120:JPU131135 JZE131120:JZQ131135 KJA131120:KJM131135 KSW131120:KTI131135 LCS131120:LDE131135 LMO131120:LNA131135 LWK131120:LWW131135 MGG131120:MGS131135 MQC131120:MQO131135 MZY131120:NAK131135 NJU131120:NKG131135 NTQ131120:NUC131135 ODM131120:ODY131135 ONI131120:ONU131135 OXE131120:OXQ131135 PHA131120:PHM131135 PQW131120:PRI131135 QAS131120:QBE131135 QKO131120:QLA131135 QUK131120:QUW131135 REG131120:RES131135 ROC131120:ROO131135 RXY131120:RYK131135 SHU131120:SIG131135 SRQ131120:SSC131135 TBM131120:TBY131135 TLI131120:TLU131135 TVE131120:TVQ131135 UFA131120:UFM131135 UOW131120:UPI131135 UYS131120:UZE131135 VIO131120:VJA131135 VSK131120:VSW131135 WCG131120:WCS131135 WMC131120:WMO131135 WVY131120:WWK131135 Q196656:AC196671 JM196656:JY196671 TI196656:TU196671 ADE196656:ADQ196671 ANA196656:ANM196671 AWW196656:AXI196671 BGS196656:BHE196671 BQO196656:BRA196671 CAK196656:CAW196671 CKG196656:CKS196671 CUC196656:CUO196671 DDY196656:DEK196671 DNU196656:DOG196671 DXQ196656:DYC196671 EHM196656:EHY196671 ERI196656:ERU196671 FBE196656:FBQ196671 FLA196656:FLM196671 FUW196656:FVI196671 GES196656:GFE196671 GOO196656:GPA196671 GYK196656:GYW196671 HIG196656:HIS196671 HSC196656:HSO196671 IBY196656:ICK196671 ILU196656:IMG196671 IVQ196656:IWC196671 JFM196656:JFY196671 JPI196656:JPU196671 JZE196656:JZQ196671 KJA196656:KJM196671 KSW196656:KTI196671 LCS196656:LDE196671 LMO196656:LNA196671 LWK196656:LWW196671 MGG196656:MGS196671 MQC196656:MQO196671 MZY196656:NAK196671 NJU196656:NKG196671 NTQ196656:NUC196671 ODM196656:ODY196671 ONI196656:ONU196671 OXE196656:OXQ196671 PHA196656:PHM196671 PQW196656:PRI196671 QAS196656:QBE196671 QKO196656:QLA196671 QUK196656:QUW196671 REG196656:RES196671 ROC196656:ROO196671 RXY196656:RYK196671 SHU196656:SIG196671 SRQ196656:SSC196671 TBM196656:TBY196671 TLI196656:TLU196671 TVE196656:TVQ196671 UFA196656:UFM196671 UOW196656:UPI196671 UYS196656:UZE196671 VIO196656:VJA196671 VSK196656:VSW196671 WCG196656:WCS196671 WMC196656:WMO196671 WVY196656:WWK196671 Q262192:AC262207 JM262192:JY262207 TI262192:TU262207 ADE262192:ADQ262207 ANA262192:ANM262207 AWW262192:AXI262207 BGS262192:BHE262207 BQO262192:BRA262207 CAK262192:CAW262207 CKG262192:CKS262207 CUC262192:CUO262207 DDY262192:DEK262207 DNU262192:DOG262207 DXQ262192:DYC262207 EHM262192:EHY262207 ERI262192:ERU262207 FBE262192:FBQ262207 FLA262192:FLM262207 FUW262192:FVI262207 GES262192:GFE262207 GOO262192:GPA262207 GYK262192:GYW262207 HIG262192:HIS262207 HSC262192:HSO262207 IBY262192:ICK262207 ILU262192:IMG262207 IVQ262192:IWC262207 JFM262192:JFY262207 JPI262192:JPU262207 JZE262192:JZQ262207 KJA262192:KJM262207 KSW262192:KTI262207 LCS262192:LDE262207 LMO262192:LNA262207 LWK262192:LWW262207 MGG262192:MGS262207 MQC262192:MQO262207 MZY262192:NAK262207 NJU262192:NKG262207 NTQ262192:NUC262207 ODM262192:ODY262207 ONI262192:ONU262207 OXE262192:OXQ262207 PHA262192:PHM262207 PQW262192:PRI262207 QAS262192:QBE262207 QKO262192:QLA262207 QUK262192:QUW262207 REG262192:RES262207 ROC262192:ROO262207 RXY262192:RYK262207 SHU262192:SIG262207 SRQ262192:SSC262207 TBM262192:TBY262207 TLI262192:TLU262207 TVE262192:TVQ262207 UFA262192:UFM262207 UOW262192:UPI262207 UYS262192:UZE262207 VIO262192:VJA262207 VSK262192:VSW262207 WCG262192:WCS262207 WMC262192:WMO262207 WVY262192:WWK262207 Q327728:AC327743 JM327728:JY327743 TI327728:TU327743 ADE327728:ADQ327743 ANA327728:ANM327743 AWW327728:AXI327743 BGS327728:BHE327743 BQO327728:BRA327743 CAK327728:CAW327743 CKG327728:CKS327743 CUC327728:CUO327743 DDY327728:DEK327743 DNU327728:DOG327743 DXQ327728:DYC327743 EHM327728:EHY327743 ERI327728:ERU327743 FBE327728:FBQ327743 FLA327728:FLM327743 FUW327728:FVI327743 GES327728:GFE327743 GOO327728:GPA327743 GYK327728:GYW327743 HIG327728:HIS327743 HSC327728:HSO327743 IBY327728:ICK327743 ILU327728:IMG327743 IVQ327728:IWC327743 JFM327728:JFY327743 JPI327728:JPU327743 JZE327728:JZQ327743 KJA327728:KJM327743 KSW327728:KTI327743 LCS327728:LDE327743 LMO327728:LNA327743 LWK327728:LWW327743 MGG327728:MGS327743 MQC327728:MQO327743 MZY327728:NAK327743 NJU327728:NKG327743 NTQ327728:NUC327743 ODM327728:ODY327743 ONI327728:ONU327743 OXE327728:OXQ327743 PHA327728:PHM327743 PQW327728:PRI327743 QAS327728:QBE327743 QKO327728:QLA327743 QUK327728:QUW327743 REG327728:RES327743 ROC327728:ROO327743 RXY327728:RYK327743 SHU327728:SIG327743 SRQ327728:SSC327743 TBM327728:TBY327743 TLI327728:TLU327743 TVE327728:TVQ327743 UFA327728:UFM327743 UOW327728:UPI327743 UYS327728:UZE327743 VIO327728:VJA327743 VSK327728:VSW327743 WCG327728:WCS327743 WMC327728:WMO327743 WVY327728:WWK327743 Q393264:AC393279 JM393264:JY393279 TI393264:TU393279 ADE393264:ADQ393279 ANA393264:ANM393279 AWW393264:AXI393279 BGS393264:BHE393279 BQO393264:BRA393279 CAK393264:CAW393279 CKG393264:CKS393279 CUC393264:CUO393279 DDY393264:DEK393279 DNU393264:DOG393279 DXQ393264:DYC393279 EHM393264:EHY393279 ERI393264:ERU393279 FBE393264:FBQ393279 FLA393264:FLM393279 FUW393264:FVI393279 GES393264:GFE393279 GOO393264:GPA393279 GYK393264:GYW393279 HIG393264:HIS393279 HSC393264:HSO393279 IBY393264:ICK393279 ILU393264:IMG393279 IVQ393264:IWC393279 JFM393264:JFY393279 JPI393264:JPU393279 JZE393264:JZQ393279 KJA393264:KJM393279 KSW393264:KTI393279 LCS393264:LDE393279 LMO393264:LNA393279 LWK393264:LWW393279 MGG393264:MGS393279 MQC393264:MQO393279 MZY393264:NAK393279 NJU393264:NKG393279 NTQ393264:NUC393279 ODM393264:ODY393279 ONI393264:ONU393279 OXE393264:OXQ393279 PHA393264:PHM393279 PQW393264:PRI393279 QAS393264:QBE393279 QKO393264:QLA393279 QUK393264:QUW393279 REG393264:RES393279 ROC393264:ROO393279 RXY393264:RYK393279 SHU393264:SIG393279 SRQ393264:SSC393279 TBM393264:TBY393279 TLI393264:TLU393279 TVE393264:TVQ393279 UFA393264:UFM393279 UOW393264:UPI393279 UYS393264:UZE393279 VIO393264:VJA393279 VSK393264:VSW393279 WCG393264:WCS393279 WMC393264:WMO393279 WVY393264:WWK393279 Q458800:AC458815 JM458800:JY458815 TI458800:TU458815 ADE458800:ADQ458815 ANA458800:ANM458815 AWW458800:AXI458815 BGS458800:BHE458815 BQO458800:BRA458815 CAK458800:CAW458815 CKG458800:CKS458815 CUC458800:CUO458815 DDY458800:DEK458815 DNU458800:DOG458815 DXQ458800:DYC458815 EHM458800:EHY458815 ERI458800:ERU458815 FBE458800:FBQ458815 FLA458800:FLM458815 FUW458800:FVI458815 GES458800:GFE458815 GOO458800:GPA458815 GYK458800:GYW458815 HIG458800:HIS458815 HSC458800:HSO458815 IBY458800:ICK458815 ILU458800:IMG458815 IVQ458800:IWC458815 JFM458800:JFY458815 JPI458800:JPU458815 JZE458800:JZQ458815 KJA458800:KJM458815 KSW458800:KTI458815 LCS458800:LDE458815 LMO458800:LNA458815 LWK458800:LWW458815 MGG458800:MGS458815 MQC458800:MQO458815 MZY458800:NAK458815 NJU458800:NKG458815 NTQ458800:NUC458815 ODM458800:ODY458815 ONI458800:ONU458815 OXE458800:OXQ458815 PHA458800:PHM458815 PQW458800:PRI458815 QAS458800:QBE458815 QKO458800:QLA458815 QUK458800:QUW458815 REG458800:RES458815 ROC458800:ROO458815 RXY458800:RYK458815 SHU458800:SIG458815 SRQ458800:SSC458815 TBM458800:TBY458815 TLI458800:TLU458815 TVE458800:TVQ458815 UFA458800:UFM458815 UOW458800:UPI458815 UYS458800:UZE458815 VIO458800:VJA458815 VSK458800:VSW458815 WCG458800:WCS458815 WMC458800:WMO458815 WVY458800:WWK458815 Q524336:AC524351 JM524336:JY524351 TI524336:TU524351 ADE524336:ADQ524351 ANA524336:ANM524351 AWW524336:AXI524351 BGS524336:BHE524351 BQO524336:BRA524351 CAK524336:CAW524351 CKG524336:CKS524351 CUC524336:CUO524351 DDY524336:DEK524351 DNU524336:DOG524351 DXQ524336:DYC524351 EHM524336:EHY524351 ERI524336:ERU524351 FBE524336:FBQ524351 FLA524336:FLM524351 FUW524336:FVI524351 GES524336:GFE524351 GOO524336:GPA524351 GYK524336:GYW524351 HIG524336:HIS524351 HSC524336:HSO524351 IBY524336:ICK524351 ILU524336:IMG524351 IVQ524336:IWC524351 JFM524336:JFY524351 JPI524336:JPU524351 JZE524336:JZQ524351 KJA524336:KJM524351 KSW524336:KTI524351 LCS524336:LDE524351 LMO524336:LNA524351 LWK524336:LWW524351 MGG524336:MGS524351 MQC524336:MQO524351 MZY524336:NAK524351 NJU524336:NKG524351 NTQ524336:NUC524351 ODM524336:ODY524351 ONI524336:ONU524351 OXE524336:OXQ524351 PHA524336:PHM524351 PQW524336:PRI524351 QAS524336:QBE524351 QKO524336:QLA524351 QUK524336:QUW524351 REG524336:RES524351 ROC524336:ROO524351 RXY524336:RYK524351 SHU524336:SIG524351 SRQ524336:SSC524351 TBM524336:TBY524351 TLI524336:TLU524351 TVE524336:TVQ524351 UFA524336:UFM524351 UOW524336:UPI524351 UYS524336:UZE524351 VIO524336:VJA524351 VSK524336:VSW524351 WCG524336:WCS524351 WMC524336:WMO524351 WVY524336:WWK524351 Q589872:AC589887 JM589872:JY589887 TI589872:TU589887 ADE589872:ADQ589887 ANA589872:ANM589887 AWW589872:AXI589887 BGS589872:BHE589887 BQO589872:BRA589887 CAK589872:CAW589887 CKG589872:CKS589887 CUC589872:CUO589887 DDY589872:DEK589887 DNU589872:DOG589887 DXQ589872:DYC589887 EHM589872:EHY589887 ERI589872:ERU589887 FBE589872:FBQ589887 FLA589872:FLM589887 FUW589872:FVI589887 GES589872:GFE589887 GOO589872:GPA589887 GYK589872:GYW589887 HIG589872:HIS589887 HSC589872:HSO589887 IBY589872:ICK589887 ILU589872:IMG589887 IVQ589872:IWC589887 JFM589872:JFY589887 JPI589872:JPU589887 JZE589872:JZQ589887 KJA589872:KJM589887 KSW589872:KTI589887 LCS589872:LDE589887 LMO589872:LNA589887 LWK589872:LWW589887 MGG589872:MGS589887 MQC589872:MQO589887 MZY589872:NAK589887 NJU589872:NKG589887 NTQ589872:NUC589887 ODM589872:ODY589887 ONI589872:ONU589887 OXE589872:OXQ589887 PHA589872:PHM589887 PQW589872:PRI589887 QAS589872:QBE589887 QKO589872:QLA589887 QUK589872:QUW589887 REG589872:RES589887 ROC589872:ROO589887 RXY589872:RYK589887 SHU589872:SIG589887 SRQ589872:SSC589887 TBM589872:TBY589887 TLI589872:TLU589887 TVE589872:TVQ589887 UFA589872:UFM589887 UOW589872:UPI589887 UYS589872:UZE589887 VIO589872:VJA589887 VSK589872:VSW589887 WCG589872:WCS589887 WMC589872:WMO589887 WVY589872:WWK589887 Q655408:AC655423 JM655408:JY655423 TI655408:TU655423 ADE655408:ADQ655423 ANA655408:ANM655423 AWW655408:AXI655423 BGS655408:BHE655423 BQO655408:BRA655423 CAK655408:CAW655423 CKG655408:CKS655423 CUC655408:CUO655423 DDY655408:DEK655423 DNU655408:DOG655423 DXQ655408:DYC655423 EHM655408:EHY655423 ERI655408:ERU655423 FBE655408:FBQ655423 FLA655408:FLM655423 FUW655408:FVI655423 GES655408:GFE655423 GOO655408:GPA655423 GYK655408:GYW655423 HIG655408:HIS655423 HSC655408:HSO655423 IBY655408:ICK655423 ILU655408:IMG655423 IVQ655408:IWC655423 JFM655408:JFY655423 JPI655408:JPU655423 JZE655408:JZQ655423 KJA655408:KJM655423 KSW655408:KTI655423 LCS655408:LDE655423 LMO655408:LNA655423 LWK655408:LWW655423 MGG655408:MGS655423 MQC655408:MQO655423 MZY655408:NAK655423 NJU655408:NKG655423 NTQ655408:NUC655423 ODM655408:ODY655423 ONI655408:ONU655423 OXE655408:OXQ655423 PHA655408:PHM655423 PQW655408:PRI655423 QAS655408:QBE655423 QKO655408:QLA655423 QUK655408:QUW655423 REG655408:RES655423 ROC655408:ROO655423 RXY655408:RYK655423 SHU655408:SIG655423 SRQ655408:SSC655423 TBM655408:TBY655423 TLI655408:TLU655423 TVE655408:TVQ655423 UFA655408:UFM655423 UOW655408:UPI655423 UYS655408:UZE655423 VIO655408:VJA655423 VSK655408:VSW655423 WCG655408:WCS655423 WMC655408:WMO655423 WVY655408:WWK655423 Q720944:AC720959 JM720944:JY720959 TI720944:TU720959 ADE720944:ADQ720959 ANA720944:ANM720959 AWW720944:AXI720959 BGS720944:BHE720959 BQO720944:BRA720959 CAK720944:CAW720959 CKG720944:CKS720959 CUC720944:CUO720959 DDY720944:DEK720959 DNU720944:DOG720959 DXQ720944:DYC720959 EHM720944:EHY720959 ERI720944:ERU720959 FBE720944:FBQ720959 FLA720944:FLM720959 FUW720944:FVI720959 GES720944:GFE720959 GOO720944:GPA720959 GYK720944:GYW720959 HIG720944:HIS720959 HSC720944:HSO720959 IBY720944:ICK720959 ILU720944:IMG720959 IVQ720944:IWC720959 JFM720944:JFY720959 JPI720944:JPU720959 JZE720944:JZQ720959 KJA720944:KJM720959 KSW720944:KTI720959 LCS720944:LDE720959 LMO720944:LNA720959 LWK720944:LWW720959 MGG720944:MGS720959 MQC720944:MQO720959 MZY720944:NAK720959 NJU720944:NKG720959 NTQ720944:NUC720959 ODM720944:ODY720959 ONI720944:ONU720959 OXE720944:OXQ720959 PHA720944:PHM720959 PQW720944:PRI720959 QAS720944:QBE720959 QKO720944:QLA720959 QUK720944:QUW720959 REG720944:RES720959 ROC720944:ROO720959 RXY720944:RYK720959 SHU720944:SIG720959 SRQ720944:SSC720959 TBM720944:TBY720959 TLI720944:TLU720959 TVE720944:TVQ720959 UFA720944:UFM720959 UOW720944:UPI720959 UYS720944:UZE720959 VIO720944:VJA720959 VSK720944:VSW720959 WCG720944:WCS720959 WMC720944:WMO720959 WVY720944:WWK720959 Q786480:AC786495 JM786480:JY786495 TI786480:TU786495 ADE786480:ADQ786495 ANA786480:ANM786495 AWW786480:AXI786495 BGS786480:BHE786495 BQO786480:BRA786495 CAK786480:CAW786495 CKG786480:CKS786495 CUC786480:CUO786495 DDY786480:DEK786495 DNU786480:DOG786495 DXQ786480:DYC786495 EHM786480:EHY786495 ERI786480:ERU786495 FBE786480:FBQ786495 FLA786480:FLM786495 FUW786480:FVI786495 GES786480:GFE786495 GOO786480:GPA786495 GYK786480:GYW786495 HIG786480:HIS786495 HSC786480:HSO786495 IBY786480:ICK786495 ILU786480:IMG786495 IVQ786480:IWC786495 JFM786480:JFY786495 JPI786480:JPU786495 JZE786480:JZQ786495 KJA786480:KJM786495 KSW786480:KTI786495 LCS786480:LDE786495 LMO786480:LNA786495 LWK786480:LWW786495 MGG786480:MGS786495 MQC786480:MQO786495 MZY786480:NAK786495 NJU786480:NKG786495 NTQ786480:NUC786495 ODM786480:ODY786495 ONI786480:ONU786495 OXE786480:OXQ786495 PHA786480:PHM786495 PQW786480:PRI786495 QAS786480:QBE786495 QKO786480:QLA786495 QUK786480:QUW786495 REG786480:RES786495 ROC786480:ROO786495 RXY786480:RYK786495 SHU786480:SIG786495 SRQ786480:SSC786495 TBM786480:TBY786495 TLI786480:TLU786495 TVE786480:TVQ786495 UFA786480:UFM786495 UOW786480:UPI786495 UYS786480:UZE786495 VIO786480:VJA786495 VSK786480:VSW786495 WCG786480:WCS786495 WMC786480:WMO786495 WVY786480:WWK786495 Q852016:AC852031 JM852016:JY852031 TI852016:TU852031 ADE852016:ADQ852031 ANA852016:ANM852031 AWW852016:AXI852031 BGS852016:BHE852031 BQO852016:BRA852031 CAK852016:CAW852031 CKG852016:CKS852031 CUC852016:CUO852031 DDY852016:DEK852031 DNU852016:DOG852031 DXQ852016:DYC852031 EHM852016:EHY852031 ERI852016:ERU852031 FBE852016:FBQ852031 FLA852016:FLM852031 FUW852016:FVI852031 GES852016:GFE852031 GOO852016:GPA852031 GYK852016:GYW852031 HIG852016:HIS852031 HSC852016:HSO852031 IBY852016:ICK852031 ILU852016:IMG852031 IVQ852016:IWC852031 JFM852016:JFY852031 JPI852016:JPU852031 JZE852016:JZQ852031 KJA852016:KJM852031 KSW852016:KTI852031 LCS852016:LDE852031 LMO852016:LNA852031 LWK852016:LWW852031 MGG852016:MGS852031 MQC852016:MQO852031 MZY852016:NAK852031 NJU852016:NKG852031 NTQ852016:NUC852031 ODM852016:ODY852031 ONI852016:ONU852031 OXE852016:OXQ852031 PHA852016:PHM852031 PQW852016:PRI852031 QAS852016:QBE852031 QKO852016:QLA852031 QUK852016:QUW852031 REG852016:RES852031 ROC852016:ROO852031 RXY852016:RYK852031 SHU852016:SIG852031 SRQ852016:SSC852031 TBM852016:TBY852031 TLI852016:TLU852031 TVE852016:TVQ852031 UFA852016:UFM852031 UOW852016:UPI852031 UYS852016:UZE852031 VIO852016:VJA852031 VSK852016:VSW852031 WCG852016:WCS852031 WMC852016:WMO852031 WVY852016:WWK852031 Q917552:AC917567 JM917552:JY917567 TI917552:TU917567 ADE917552:ADQ917567 ANA917552:ANM917567 AWW917552:AXI917567 BGS917552:BHE917567 BQO917552:BRA917567 CAK917552:CAW917567 CKG917552:CKS917567 CUC917552:CUO917567 DDY917552:DEK917567 DNU917552:DOG917567 DXQ917552:DYC917567 EHM917552:EHY917567 ERI917552:ERU917567 FBE917552:FBQ917567 FLA917552:FLM917567 FUW917552:FVI917567 GES917552:GFE917567 GOO917552:GPA917567 GYK917552:GYW917567 HIG917552:HIS917567 HSC917552:HSO917567 IBY917552:ICK917567 ILU917552:IMG917567 IVQ917552:IWC917567 JFM917552:JFY917567 JPI917552:JPU917567 JZE917552:JZQ917567 KJA917552:KJM917567 KSW917552:KTI917567 LCS917552:LDE917567 LMO917552:LNA917567 LWK917552:LWW917567 MGG917552:MGS917567 MQC917552:MQO917567 MZY917552:NAK917567 NJU917552:NKG917567 NTQ917552:NUC917567 ODM917552:ODY917567 ONI917552:ONU917567 OXE917552:OXQ917567 PHA917552:PHM917567 PQW917552:PRI917567 QAS917552:QBE917567 QKO917552:QLA917567 QUK917552:QUW917567 REG917552:RES917567 ROC917552:ROO917567 RXY917552:RYK917567 SHU917552:SIG917567 SRQ917552:SSC917567 TBM917552:TBY917567 TLI917552:TLU917567 TVE917552:TVQ917567 UFA917552:UFM917567 UOW917552:UPI917567 UYS917552:UZE917567 VIO917552:VJA917567 VSK917552:VSW917567 WCG917552:WCS917567 WMC917552:WMO917567 WVY917552:WWK917567 Q983088:AC983103 JM983088:JY983103 TI983088:TU983103 ADE983088:ADQ983103 ANA983088:ANM983103 AWW983088:AXI983103 BGS983088:BHE983103 BQO983088:BRA983103 CAK983088:CAW983103 CKG983088:CKS983103 CUC983088:CUO983103 DDY983088:DEK983103 DNU983088:DOG983103 DXQ983088:DYC983103 EHM983088:EHY983103 ERI983088:ERU983103 FBE983088:FBQ983103 FLA983088:FLM983103 FUW983088:FVI983103 GES983088:GFE983103 GOO983088:GPA983103 GYK983088:GYW983103 HIG983088:HIS983103 HSC983088:HSO983103 IBY983088:ICK983103 ILU983088:IMG983103 IVQ983088:IWC983103 JFM983088:JFY983103 JPI983088:JPU983103 JZE983088:JZQ983103 KJA983088:KJM983103 KSW983088:KTI983103 LCS983088:LDE983103 LMO983088:LNA983103 LWK983088:LWW983103 MGG983088:MGS983103 MQC983088:MQO983103 MZY983088:NAK983103 NJU983088:NKG983103 NTQ983088:NUC983103 ODM983088:ODY983103 ONI983088:ONU983103 OXE983088:OXQ983103 PHA983088:PHM983103 PQW983088:PRI983103 QAS983088:QBE983103 QKO983088:QLA983103 QUK983088:QUW983103 REG983088:RES983103 ROC983088:ROO983103 RXY983088:RYK983103 SHU983088:SIG983103 SRQ983088:SSC983103 TBM983088:TBY983103 TLI983088:TLU983103 TVE983088:TVQ983103 UFA983088:UFM983103 UOW983088:UPI983103 UYS983088:UZE983103 VIO983088:VJA983103 VSK983088:VSW983103 WCG983088:WCS983103 WMC983088:WMO983103 WVY983088:WWK983103" xr:uid="{00000000-0002-0000-0100-000002000000}"/>
    <dataValidation allowBlank="1" showInputMessage="1" showErrorMessage="1" promptTitle="ターゲット　売り先" prompt="《売り先》希望する売り先を選択してください。またバイヤーからは、過去に取引実績のある売り先を聞かれる場合がありますので、答えられるようにしておくと良いでしょう。" sqref="M30:AC33 JI30:JY33 TE30:TU33 ADA30:ADQ33 AMW30:ANM33 AWS30:AXI33 BGO30:BHE33 BQK30:BRA33 CAG30:CAW33 CKC30:CKS33 CTY30:CUO33 DDU30:DEK33 DNQ30:DOG33 DXM30:DYC33 EHI30:EHY33 ERE30:ERU33 FBA30:FBQ33 FKW30:FLM33 FUS30:FVI33 GEO30:GFE33 GOK30:GPA33 GYG30:GYW33 HIC30:HIS33 HRY30:HSO33 IBU30:ICK33 ILQ30:IMG33 IVM30:IWC33 JFI30:JFY33 JPE30:JPU33 JZA30:JZQ33 KIW30:KJM33 KSS30:KTI33 LCO30:LDE33 LMK30:LNA33 LWG30:LWW33 MGC30:MGS33 MPY30:MQO33 MZU30:NAK33 NJQ30:NKG33 NTM30:NUC33 ODI30:ODY33 ONE30:ONU33 OXA30:OXQ33 PGW30:PHM33 PQS30:PRI33 QAO30:QBE33 QKK30:QLA33 QUG30:QUW33 REC30:RES33 RNY30:ROO33 RXU30:RYK33 SHQ30:SIG33 SRM30:SSC33 TBI30:TBY33 TLE30:TLU33 TVA30:TVQ33 UEW30:UFM33 UOS30:UPI33 UYO30:UZE33 VIK30:VJA33 VSG30:VSW33 WCC30:WCS33 WLY30:WMO33 WVU30:WWK33 M65566:AC65569 JI65566:JY65569 TE65566:TU65569 ADA65566:ADQ65569 AMW65566:ANM65569 AWS65566:AXI65569 BGO65566:BHE65569 BQK65566:BRA65569 CAG65566:CAW65569 CKC65566:CKS65569 CTY65566:CUO65569 DDU65566:DEK65569 DNQ65566:DOG65569 DXM65566:DYC65569 EHI65566:EHY65569 ERE65566:ERU65569 FBA65566:FBQ65569 FKW65566:FLM65569 FUS65566:FVI65569 GEO65566:GFE65569 GOK65566:GPA65569 GYG65566:GYW65569 HIC65566:HIS65569 HRY65566:HSO65569 IBU65566:ICK65569 ILQ65566:IMG65569 IVM65566:IWC65569 JFI65566:JFY65569 JPE65566:JPU65569 JZA65566:JZQ65569 KIW65566:KJM65569 KSS65566:KTI65569 LCO65566:LDE65569 LMK65566:LNA65569 LWG65566:LWW65569 MGC65566:MGS65569 MPY65566:MQO65569 MZU65566:NAK65569 NJQ65566:NKG65569 NTM65566:NUC65569 ODI65566:ODY65569 ONE65566:ONU65569 OXA65566:OXQ65569 PGW65566:PHM65569 PQS65566:PRI65569 QAO65566:QBE65569 QKK65566:QLA65569 QUG65566:QUW65569 REC65566:RES65569 RNY65566:ROO65569 RXU65566:RYK65569 SHQ65566:SIG65569 SRM65566:SSC65569 TBI65566:TBY65569 TLE65566:TLU65569 TVA65566:TVQ65569 UEW65566:UFM65569 UOS65566:UPI65569 UYO65566:UZE65569 VIK65566:VJA65569 VSG65566:VSW65569 WCC65566:WCS65569 WLY65566:WMO65569 WVU65566:WWK65569 M131102:AC131105 JI131102:JY131105 TE131102:TU131105 ADA131102:ADQ131105 AMW131102:ANM131105 AWS131102:AXI131105 BGO131102:BHE131105 BQK131102:BRA131105 CAG131102:CAW131105 CKC131102:CKS131105 CTY131102:CUO131105 DDU131102:DEK131105 DNQ131102:DOG131105 DXM131102:DYC131105 EHI131102:EHY131105 ERE131102:ERU131105 FBA131102:FBQ131105 FKW131102:FLM131105 FUS131102:FVI131105 GEO131102:GFE131105 GOK131102:GPA131105 GYG131102:GYW131105 HIC131102:HIS131105 HRY131102:HSO131105 IBU131102:ICK131105 ILQ131102:IMG131105 IVM131102:IWC131105 JFI131102:JFY131105 JPE131102:JPU131105 JZA131102:JZQ131105 KIW131102:KJM131105 KSS131102:KTI131105 LCO131102:LDE131105 LMK131102:LNA131105 LWG131102:LWW131105 MGC131102:MGS131105 MPY131102:MQO131105 MZU131102:NAK131105 NJQ131102:NKG131105 NTM131102:NUC131105 ODI131102:ODY131105 ONE131102:ONU131105 OXA131102:OXQ131105 PGW131102:PHM131105 PQS131102:PRI131105 QAO131102:QBE131105 QKK131102:QLA131105 QUG131102:QUW131105 REC131102:RES131105 RNY131102:ROO131105 RXU131102:RYK131105 SHQ131102:SIG131105 SRM131102:SSC131105 TBI131102:TBY131105 TLE131102:TLU131105 TVA131102:TVQ131105 UEW131102:UFM131105 UOS131102:UPI131105 UYO131102:UZE131105 VIK131102:VJA131105 VSG131102:VSW131105 WCC131102:WCS131105 WLY131102:WMO131105 WVU131102:WWK131105 M196638:AC196641 JI196638:JY196641 TE196638:TU196641 ADA196638:ADQ196641 AMW196638:ANM196641 AWS196638:AXI196641 BGO196638:BHE196641 BQK196638:BRA196641 CAG196638:CAW196641 CKC196638:CKS196641 CTY196638:CUO196641 DDU196638:DEK196641 DNQ196638:DOG196641 DXM196638:DYC196641 EHI196638:EHY196641 ERE196638:ERU196641 FBA196638:FBQ196641 FKW196638:FLM196641 FUS196638:FVI196641 GEO196638:GFE196641 GOK196638:GPA196641 GYG196638:GYW196641 HIC196638:HIS196641 HRY196638:HSO196641 IBU196638:ICK196641 ILQ196638:IMG196641 IVM196638:IWC196641 JFI196638:JFY196641 JPE196638:JPU196641 JZA196638:JZQ196641 KIW196638:KJM196641 KSS196638:KTI196641 LCO196638:LDE196641 LMK196638:LNA196641 LWG196638:LWW196641 MGC196638:MGS196641 MPY196638:MQO196641 MZU196638:NAK196641 NJQ196638:NKG196641 NTM196638:NUC196641 ODI196638:ODY196641 ONE196638:ONU196641 OXA196638:OXQ196641 PGW196638:PHM196641 PQS196638:PRI196641 QAO196638:QBE196641 QKK196638:QLA196641 QUG196638:QUW196641 REC196638:RES196641 RNY196638:ROO196641 RXU196638:RYK196641 SHQ196638:SIG196641 SRM196638:SSC196641 TBI196638:TBY196641 TLE196638:TLU196641 TVA196638:TVQ196641 UEW196638:UFM196641 UOS196638:UPI196641 UYO196638:UZE196641 VIK196638:VJA196641 VSG196638:VSW196641 WCC196638:WCS196641 WLY196638:WMO196641 WVU196638:WWK196641 M262174:AC262177 JI262174:JY262177 TE262174:TU262177 ADA262174:ADQ262177 AMW262174:ANM262177 AWS262174:AXI262177 BGO262174:BHE262177 BQK262174:BRA262177 CAG262174:CAW262177 CKC262174:CKS262177 CTY262174:CUO262177 DDU262174:DEK262177 DNQ262174:DOG262177 DXM262174:DYC262177 EHI262174:EHY262177 ERE262174:ERU262177 FBA262174:FBQ262177 FKW262174:FLM262177 FUS262174:FVI262177 GEO262174:GFE262177 GOK262174:GPA262177 GYG262174:GYW262177 HIC262174:HIS262177 HRY262174:HSO262177 IBU262174:ICK262177 ILQ262174:IMG262177 IVM262174:IWC262177 JFI262174:JFY262177 JPE262174:JPU262177 JZA262174:JZQ262177 KIW262174:KJM262177 KSS262174:KTI262177 LCO262174:LDE262177 LMK262174:LNA262177 LWG262174:LWW262177 MGC262174:MGS262177 MPY262174:MQO262177 MZU262174:NAK262177 NJQ262174:NKG262177 NTM262174:NUC262177 ODI262174:ODY262177 ONE262174:ONU262177 OXA262174:OXQ262177 PGW262174:PHM262177 PQS262174:PRI262177 QAO262174:QBE262177 QKK262174:QLA262177 QUG262174:QUW262177 REC262174:RES262177 RNY262174:ROO262177 RXU262174:RYK262177 SHQ262174:SIG262177 SRM262174:SSC262177 TBI262174:TBY262177 TLE262174:TLU262177 TVA262174:TVQ262177 UEW262174:UFM262177 UOS262174:UPI262177 UYO262174:UZE262177 VIK262174:VJA262177 VSG262174:VSW262177 WCC262174:WCS262177 WLY262174:WMO262177 WVU262174:WWK262177 M327710:AC327713 JI327710:JY327713 TE327710:TU327713 ADA327710:ADQ327713 AMW327710:ANM327713 AWS327710:AXI327713 BGO327710:BHE327713 BQK327710:BRA327713 CAG327710:CAW327713 CKC327710:CKS327713 CTY327710:CUO327713 DDU327710:DEK327713 DNQ327710:DOG327713 DXM327710:DYC327713 EHI327710:EHY327713 ERE327710:ERU327713 FBA327710:FBQ327713 FKW327710:FLM327713 FUS327710:FVI327713 GEO327710:GFE327713 GOK327710:GPA327713 GYG327710:GYW327713 HIC327710:HIS327713 HRY327710:HSO327713 IBU327710:ICK327713 ILQ327710:IMG327713 IVM327710:IWC327713 JFI327710:JFY327713 JPE327710:JPU327713 JZA327710:JZQ327713 KIW327710:KJM327713 KSS327710:KTI327713 LCO327710:LDE327713 LMK327710:LNA327713 LWG327710:LWW327713 MGC327710:MGS327713 MPY327710:MQO327713 MZU327710:NAK327713 NJQ327710:NKG327713 NTM327710:NUC327713 ODI327710:ODY327713 ONE327710:ONU327713 OXA327710:OXQ327713 PGW327710:PHM327713 PQS327710:PRI327713 QAO327710:QBE327713 QKK327710:QLA327713 QUG327710:QUW327713 REC327710:RES327713 RNY327710:ROO327713 RXU327710:RYK327713 SHQ327710:SIG327713 SRM327710:SSC327713 TBI327710:TBY327713 TLE327710:TLU327713 TVA327710:TVQ327713 UEW327710:UFM327713 UOS327710:UPI327713 UYO327710:UZE327713 VIK327710:VJA327713 VSG327710:VSW327713 WCC327710:WCS327713 WLY327710:WMO327713 WVU327710:WWK327713 M393246:AC393249 JI393246:JY393249 TE393246:TU393249 ADA393246:ADQ393249 AMW393246:ANM393249 AWS393246:AXI393249 BGO393246:BHE393249 BQK393246:BRA393249 CAG393246:CAW393249 CKC393246:CKS393249 CTY393246:CUO393249 DDU393246:DEK393249 DNQ393246:DOG393249 DXM393246:DYC393249 EHI393246:EHY393249 ERE393246:ERU393249 FBA393246:FBQ393249 FKW393246:FLM393249 FUS393246:FVI393249 GEO393246:GFE393249 GOK393246:GPA393249 GYG393246:GYW393249 HIC393246:HIS393249 HRY393246:HSO393249 IBU393246:ICK393249 ILQ393246:IMG393249 IVM393246:IWC393249 JFI393246:JFY393249 JPE393246:JPU393249 JZA393246:JZQ393249 KIW393246:KJM393249 KSS393246:KTI393249 LCO393246:LDE393249 LMK393246:LNA393249 LWG393246:LWW393249 MGC393246:MGS393249 MPY393246:MQO393249 MZU393246:NAK393249 NJQ393246:NKG393249 NTM393246:NUC393249 ODI393246:ODY393249 ONE393246:ONU393249 OXA393246:OXQ393249 PGW393246:PHM393249 PQS393246:PRI393249 QAO393246:QBE393249 QKK393246:QLA393249 QUG393246:QUW393249 REC393246:RES393249 RNY393246:ROO393249 RXU393246:RYK393249 SHQ393246:SIG393249 SRM393246:SSC393249 TBI393246:TBY393249 TLE393246:TLU393249 TVA393246:TVQ393249 UEW393246:UFM393249 UOS393246:UPI393249 UYO393246:UZE393249 VIK393246:VJA393249 VSG393246:VSW393249 WCC393246:WCS393249 WLY393246:WMO393249 WVU393246:WWK393249 M458782:AC458785 JI458782:JY458785 TE458782:TU458785 ADA458782:ADQ458785 AMW458782:ANM458785 AWS458782:AXI458785 BGO458782:BHE458785 BQK458782:BRA458785 CAG458782:CAW458785 CKC458782:CKS458785 CTY458782:CUO458785 DDU458782:DEK458785 DNQ458782:DOG458785 DXM458782:DYC458785 EHI458782:EHY458785 ERE458782:ERU458785 FBA458782:FBQ458785 FKW458782:FLM458785 FUS458782:FVI458785 GEO458782:GFE458785 GOK458782:GPA458785 GYG458782:GYW458785 HIC458782:HIS458785 HRY458782:HSO458785 IBU458782:ICK458785 ILQ458782:IMG458785 IVM458782:IWC458785 JFI458782:JFY458785 JPE458782:JPU458785 JZA458782:JZQ458785 KIW458782:KJM458785 KSS458782:KTI458785 LCO458782:LDE458785 LMK458782:LNA458785 LWG458782:LWW458785 MGC458782:MGS458785 MPY458782:MQO458785 MZU458782:NAK458785 NJQ458782:NKG458785 NTM458782:NUC458785 ODI458782:ODY458785 ONE458782:ONU458785 OXA458782:OXQ458785 PGW458782:PHM458785 PQS458782:PRI458785 QAO458782:QBE458785 QKK458782:QLA458785 QUG458782:QUW458785 REC458782:RES458785 RNY458782:ROO458785 RXU458782:RYK458785 SHQ458782:SIG458785 SRM458782:SSC458785 TBI458782:TBY458785 TLE458782:TLU458785 TVA458782:TVQ458785 UEW458782:UFM458785 UOS458782:UPI458785 UYO458782:UZE458785 VIK458782:VJA458785 VSG458782:VSW458785 WCC458782:WCS458785 WLY458782:WMO458785 WVU458782:WWK458785 M524318:AC524321 JI524318:JY524321 TE524318:TU524321 ADA524318:ADQ524321 AMW524318:ANM524321 AWS524318:AXI524321 BGO524318:BHE524321 BQK524318:BRA524321 CAG524318:CAW524321 CKC524318:CKS524321 CTY524318:CUO524321 DDU524318:DEK524321 DNQ524318:DOG524321 DXM524318:DYC524321 EHI524318:EHY524321 ERE524318:ERU524321 FBA524318:FBQ524321 FKW524318:FLM524321 FUS524318:FVI524321 GEO524318:GFE524321 GOK524318:GPA524321 GYG524318:GYW524321 HIC524318:HIS524321 HRY524318:HSO524321 IBU524318:ICK524321 ILQ524318:IMG524321 IVM524318:IWC524321 JFI524318:JFY524321 JPE524318:JPU524321 JZA524318:JZQ524321 KIW524318:KJM524321 KSS524318:KTI524321 LCO524318:LDE524321 LMK524318:LNA524321 LWG524318:LWW524321 MGC524318:MGS524321 MPY524318:MQO524321 MZU524318:NAK524321 NJQ524318:NKG524321 NTM524318:NUC524321 ODI524318:ODY524321 ONE524318:ONU524321 OXA524318:OXQ524321 PGW524318:PHM524321 PQS524318:PRI524321 QAO524318:QBE524321 QKK524318:QLA524321 QUG524318:QUW524321 REC524318:RES524321 RNY524318:ROO524321 RXU524318:RYK524321 SHQ524318:SIG524321 SRM524318:SSC524321 TBI524318:TBY524321 TLE524318:TLU524321 TVA524318:TVQ524321 UEW524318:UFM524321 UOS524318:UPI524321 UYO524318:UZE524321 VIK524318:VJA524321 VSG524318:VSW524321 WCC524318:WCS524321 WLY524318:WMO524321 WVU524318:WWK524321 M589854:AC589857 JI589854:JY589857 TE589854:TU589857 ADA589854:ADQ589857 AMW589854:ANM589857 AWS589854:AXI589857 BGO589854:BHE589857 BQK589854:BRA589857 CAG589854:CAW589857 CKC589854:CKS589857 CTY589854:CUO589857 DDU589854:DEK589857 DNQ589854:DOG589857 DXM589854:DYC589857 EHI589854:EHY589857 ERE589854:ERU589857 FBA589854:FBQ589857 FKW589854:FLM589857 FUS589854:FVI589857 GEO589854:GFE589857 GOK589854:GPA589857 GYG589854:GYW589857 HIC589854:HIS589857 HRY589854:HSO589857 IBU589854:ICK589857 ILQ589854:IMG589857 IVM589854:IWC589857 JFI589854:JFY589857 JPE589854:JPU589857 JZA589854:JZQ589857 KIW589854:KJM589857 KSS589854:KTI589857 LCO589854:LDE589857 LMK589854:LNA589857 LWG589854:LWW589857 MGC589854:MGS589857 MPY589854:MQO589857 MZU589854:NAK589857 NJQ589854:NKG589857 NTM589854:NUC589857 ODI589854:ODY589857 ONE589854:ONU589857 OXA589854:OXQ589857 PGW589854:PHM589857 PQS589854:PRI589857 QAO589854:QBE589857 QKK589854:QLA589857 QUG589854:QUW589857 REC589854:RES589857 RNY589854:ROO589857 RXU589854:RYK589857 SHQ589854:SIG589857 SRM589854:SSC589857 TBI589854:TBY589857 TLE589854:TLU589857 TVA589854:TVQ589857 UEW589854:UFM589857 UOS589854:UPI589857 UYO589854:UZE589857 VIK589854:VJA589857 VSG589854:VSW589857 WCC589854:WCS589857 WLY589854:WMO589857 WVU589854:WWK589857 M655390:AC655393 JI655390:JY655393 TE655390:TU655393 ADA655390:ADQ655393 AMW655390:ANM655393 AWS655390:AXI655393 BGO655390:BHE655393 BQK655390:BRA655393 CAG655390:CAW655393 CKC655390:CKS655393 CTY655390:CUO655393 DDU655390:DEK655393 DNQ655390:DOG655393 DXM655390:DYC655393 EHI655390:EHY655393 ERE655390:ERU655393 FBA655390:FBQ655393 FKW655390:FLM655393 FUS655390:FVI655393 GEO655390:GFE655393 GOK655390:GPA655393 GYG655390:GYW655393 HIC655390:HIS655393 HRY655390:HSO655393 IBU655390:ICK655393 ILQ655390:IMG655393 IVM655390:IWC655393 JFI655390:JFY655393 JPE655390:JPU655393 JZA655390:JZQ655393 KIW655390:KJM655393 KSS655390:KTI655393 LCO655390:LDE655393 LMK655390:LNA655393 LWG655390:LWW655393 MGC655390:MGS655393 MPY655390:MQO655393 MZU655390:NAK655393 NJQ655390:NKG655393 NTM655390:NUC655393 ODI655390:ODY655393 ONE655390:ONU655393 OXA655390:OXQ655393 PGW655390:PHM655393 PQS655390:PRI655393 QAO655390:QBE655393 QKK655390:QLA655393 QUG655390:QUW655393 REC655390:RES655393 RNY655390:ROO655393 RXU655390:RYK655393 SHQ655390:SIG655393 SRM655390:SSC655393 TBI655390:TBY655393 TLE655390:TLU655393 TVA655390:TVQ655393 UEW655390:UFM655393 UOS655390:UPI655393 UYO655390:UZE655393 VIK655390:VJA655393 VSG655390:VSW655393 WCC655390:WCS655393 WLY655390:WMO655393 WVU655390:WWK655393 M720926:AC720929 JI720926:JY720929 TE720926:TU720929 ADA720926:ADQ720929 AMW720926:ANM720929 AWS720926:AXI720929 BGO720926:BHE720929 BQK720926:BRA720929 CAG720926:CAW720929 CKC720926:CKS720929 CTY720926:CUO720929 DDU720926:DEK720929 DNQ720926:DOG720929 DXM720926:DYC720929 EHI720926:EHY720929 ERE720926:ERU720929 FBA720926:FBQ720929 FKW720926:FLM720929 FUS720926:FVI720929 GEO720926:GFE720929 GOK720926:GPA720929 GYG720926:GYW720929 HIC720926:HIS720929 HRY720926:HSO720929 IBU720926:ICK720929 ILQ720926:IMG720929 IVM720926:IWC720929 JFI720926:JFY720929 JPE720926:JPU720929 JZA720926:JZQ720929 KIW720926:KJM720929 KSS720926:KTI720929 LCO720926:LDE720929 LMK720926:LNA720929 LWG720926:LWW720929 MGC720926:MGS720929 MPY720926:MQO720929 MZU720926:NAK720929 NJQ720926:NKG720929 NTM720926:NUC720929 ODI720926:ODY720929 ONE720926:ONU720929 OXA720926:OXQ720929 PGW720926:PHM720929 PQS720926:PRI720929 QAO720926:QBE720929 QKK720926:QLA720929 QUG720926:QUW720929 REC720926:RES720929 RNY720926:ROO720929 RXU720926:RYK720929 SHQ720926:SIG720929 SRM720926:SSC720929 TBI720926:TBY720929 TLE720926:TLU720929 TVA720926:TVQ720929 UEW720926:UFM720929 UOS720926:UPI720929 UYO720926:UZE720929 VIK720926:VJA720929 VSG720926:VSW720929 WCC720926:WCS720929 WLY720926:WMO720929 WVU720926:WWK720929 M786462:AC786465 JI786462:JY786465 TE786462:TU786465 ADA786462:ADQ786465 AMW786462:ANM786465 AWS786462:AXI786465 BGO786462:BHE786465 BQK786462:BRA786465 CAG786462:CAW786465 CKC786462:CKS786465 CTY786462:CUO786465 DDU786462:DEK786465 DNQ786462:DOG786465 DXM786462:DYC786465 EHI786462:EHY786465 ERE786462:ERU786465 FBA786462:FBQ786465 FKW786462:FLM786465 FUS786462:FVI786465 GEO786462:GFE786465 GOK786462:GPA786465 GYG786462:GYW786465 HIC786462:HIS786465 HRY786462:HSO786465 IBU786462:ICK786465 ILQ786462:IMG786465 IVM786462:IWC786465 JFI786462:JFY786465 JPE786462:JPU786465 JZA786462:JZQ786465 KIW786462:KJM786465 KSS786462:KTI786465 LCO786462:LDE786465 LMK786462:LNA786465 LWG786462:LWW786465 MGC786462:MGS786465 MPY786462:MQO786465 MZU786462:NAK786465 NJQ786462:NKG786465 NTM786462:NUC786465 ODI786462:ODY786465 ONE786462:ONU786465 OXA786462:OXQ786465 PGW786462:PHM786465 PQS786462:PRI786465 QAO786462:QBE786465 QKK786462:QLA786465 QUG786462:QUW786465 REC786462:RES786465 RNY786462:ROO786465 RXU786462:RYK786465 SHQ786462:SIG786465 SRM786462:SSC786465 TBI786462:TBY786465 TLE786462:TLU786465 TVA786462:TVQ786465 UEW786462:UFM786465 UOS786462:UPI786465 UYO786462:UZE786465 VIK786462:VJA786465 VSG786462:VSW786465 WCC786462:WCS786465 WLY786462:WMO786465 WVU786462:WWK786465 M851998:AC852001 JI851998:JY852001 TE851998:TU852001 ADA851998:ADQ852001 AMW851998:ANM852001 AWS851998:AXI852001 BGO851998:BHE852001 BQK851998:BRA852001 CAG851998:CAW852001 CKC851998:CKS852001 CTY851998:CUO852001 DDU851998:DEK852001 DNQ851998:DOG852001 DXM851998:DYC852001 EHI851998:EHY852001 ERE851998:ERU852001 FBA851998:FBQ852001 FKW851998:FLM852001 FUS851998:FVI852001 GEO851998:GFE852001 GOK851998:GPA852001 GYG851998:GYW852001 HIC851998:HIS852001 HRY851998:HSO852001 IBU851998:ICK852001 ILQ851998:IMG852001 IVM851998:IWC852001 JFI851998:JFY852001 JPE851998:JPU852001 JZA851998:JZQ852001 KIW851998:KJM852001 KSS851998:KTI852001 LCO851998:LDE852001 LMK851998:LNA852001 LWG851998:LWW852001 MGC851998:MGS852001 MPY851998:MQO852001 MZU851998:NAK852001 NJQ851998:NKG852001 NTM851998:NUC852001 ODI851998:ODY852001 ONE851998:ONU852001 OXA851998:OXQ852001 PGW851998:PHM852001 PQS851998:PRI852001 QAO851998:QBE852001 QKK851998:QLA852001 QUG851998:QUW852001 REC851998:RES852001 RNY851998:ROO852001 RXU851998:RYK852001 SHQ851998:SIG852001 SRM851998:SSC852001 TBI851998:TBY852001 TLE851998:TLU852001 TVA851998:TVQ852001 UEW851998:UFM852001 UOS851998:UPI852001 UYO851998:UZE852001 VIK851998:VJA852001 VSG851998:VSW852001 WCC851998:WCS852001 WLY851998:WMO852001 WVU851998:WWK852001 M917534:AC917537 JI917534:JY917537 TE917534:TU917537 ADA917534:ADQ917537 AMW917534:ANM917537 AWS917534:AXI917537 BGO917534:BHE917537 BQK917534:BRA917537 CAG917534:CAW917537 CKC917534:CKS917537 CTY917534:CUO917537 DDU917534:DEK917537 DNQ917534:DOG917537 DXM917534:DYC917537 EHI917534:EHY917537 ERE917534:ERU917537 FBA917534:FBQ917537 FKW917534:FLM917537 FUS917534:FVI917537 GEO917534:GFE917537 GOK917534:GPA917537 GYG917534:GYW917537 HIC917534:HIS917537 HRY917534:HSO917537 IBU917534:ICK917537 ILQ917534:IMG917537 IVM917534:IWC917537 JFI917534:JFY917537 JPE917534:JPU917537 JZA917534:JZQ917537 KIW917534:KJM917537 KSS917534:KTI917537 LCO917534:LDE917537 LMK917534:LNA917537 LWG917534:LWW917537 MGC917534:MGS917537 MPY917534:MQO917537 MZU917534:NAK917537 NJQ917534:NKG917537 NTM917534:NUC917537 ODI917534:ODY917537 ONE917534:ONU917537 OXA917534:OXQ917537 PGW917534:PHM917537 PQS917534:PRI917537 QAO917534:QBE917537 QKK917534:QLA917537 QUG917534:QUW917537 REC917534:RES917537 RNY917534:ROO917537 RXU917534:RYK917537 SHQ917534:SIG917537 SRM917534:SSC917537 TBI917534:TBY917537 TLE917534:TLU917537 TVA917534:TVQ917537 UEW917534:UFM917537 UOS917534:UPI917537 UYO917534:UZE917537 VIK917534:VJA917537 VSG917534:VSW917537 WCC917534:WCS917537 WLY917534:WMO917537 WVU917534:WWK917537 M983070:AC983073 JI983070:JY983073 TE983070:TU983073 ADA983070:ADQ983073 AMW983070:ANM983073 AWS983070:AXI983073 BGO983070:BHE983073 BQK983070:BRA983073 CAG983070:CAW983073 CKC983070:CKS983073 CTY983070:CUO983073 DDU983070:DEK983073 DNQ983070:DOG983073 DXM983070:DYC983073 EHI983070:EHY983073 ERE983070:ERU983073 FBA983070:FBQ983073 FKW983070:FLM983073 FUS983070:FVI983073 GEO983070:GFE983073 GOK983070:GPA983073 GYG983070:GYW983073 HIC983070:HIS983073 HRY983070:HSO983073 IBU983070:ICK983073 ILQ983070:IMG983073 IVM983070:IWC983073 JFI983070:JFY983073 JPE983070:JPU983073 JZA983070:JZQ983073 KIW983070:KJM983073 KSS983070:KTI983073 LCO983070:LDE983073 LMK983070:LNA983073 LWG983070:LWW983073 MGC983070:MGS983073 MPY983070:MQO983073 MZU983070:NAK983073 NJQ983070:NKG983073 NTM983070:NUC983073 ODI983070:ODY983073 ONE983070:ONU983073 OXA983070:OXQ983073 PGW983070:PHM983073 PQS983070:PRI983073 QAO983070:QBE983073 QKK983070:QLA983073 QUG983070:QUW983073 REC983070:RES983073 RNY983070:ROO983073 RXU983070:RYK983073 SHQ983070:SIG983073 SRM983070:SSC983073 TBI983070:TBY983073 TLE983070:TLU983073 TVA983070:TVQ983073 UEW983070:UFM983073 UOS983070:UPI983073 UYO983070:UZE983073 VIK983070:VJA983073 VSG983070:VSW983073 WCC983070:WCS983073 WLY983070:WMO983073 WVU983070:WWK983073" xr:uid="{00000000-0002-0000-0100-000003000000}"/>
    <dataValidation allowBlank="1" showInputMessage="1" showErrorMessage="1" promptTitle="保存温度帯" prompt="常温、冷蔵、チルド、冷凍、その他をリストから選択または空欄に記入。その他を選択した場合は、、詳細を記載してください。" sqref="Z19:AC20 JV19:JY20 TR19:TU20 ADN19:ADQ20 ANJ19:ANM20 AXF19:AXI20 BHB19:BHE20 BQX19:BRA20 CAT19:CAW20 CKP19:CKS20 CUL19:CUO20 DEH19:DEK20 DOD19:DOG20 DXZ19:DYC20 EHV19:EHY20 ERR19:ERU20 FBN19:FBQ20 FLJ19:FLM20 FVF19:FVI20 GFB19:GFE20 GOX19:GPA20 GYT19:GYW20 HIP19:HIS20 HSL19:HSO20 ICH19:ICK20 IMD19:IMG20 IVZ19:IWC20 JFV19:JFY20 JPR19:JPU20 JZN19:JZQ20 KJJ19:KJM20 KTF19:KTI20 LDB19:LDE20 LMX19:LNA20 LWT19:LWW20 MGP19:MGS20 MQL19:MQO20 NAH19:NAK20 NKD19:NKG20 NTZ19:NUC20 ODV19:ODY20 ONR19:ONU20 OXN19:OXQ20 PHJ19:PHM20 PRF19:PRI20 QBB19:QBE20 QKX19:QLA20 QUT19:QUW20 REP19:RES20 ROL19:ROO20 RYH19:RYK20 SID19:SIG20 SRZ19:SSC20 TBV19:TBY20 TLR19:TLU20 TVN19:TVQ20 UFJ19:UFM20 UPF19:UPI20 UZB19:UZE20 VIX19:VJA20 VST19:VSW20 WCP19:WCS20 WML19:WMO20 WWH19:WWK20 Z65555:AC65556 JV65555:JY65556 TR65555:TU65556 ADN65555:ADQ65556 ANJ65555:ANM65556 AXF65555:AXI65556 BHB65555:BHE65556 BQX65555:BRA65556 CAT65555:CAW65556 CKP65555:CKS65556 CUL65555:CUO65556 DEH65555:DEK65556 DOD65555:DOG65556 DXZ65555:DYC65556 EHV65555:EHY65556 ERR65555:ERU65556 FBN65555:FBQ65556 FLJ65555:FLM65556 FVF65555:FVI65556 GFB65555:GFE65556 GOX65555:GPA65556 GYT65555:GYW65556 HIP65555:HIS65556 HSL65555:HSO65556 ICH65555:ICK65556 IMD65555:IMG65556 IVZ65555:IWC65556 JFV65555:JFY65556 JPR65555:JPU65556 JZN65555:JZQ65556 KJJ65555:KJM65556 KTF65555:KTI65556 LDB65555:LDE65556 LMX65555:LNA65556 LWT65555:LWW65556 MGP65555:MGS65556 MQL65555:MQO65556 NAH65555:NAK65556 NKD65555:NKG65556 NTZ65555:NUC65556 ODV65555:ODY65556 ONR65555:ONU65556 OXN65555:OXQ65556 PHJ65555:PHM65556 PRF65555:PRI65556 QBB65555:QBE65556 QKX65555:QLA65556 QUT65555:QUW65556 REP65555:RES65556 ROL65555:ROO65556 RYH65555:RYK65556 SID65555:SIG65556 SRZ65555:SSC65556 TBV65555:TBY65556 TLR65555:TLU65556 TVN65555:TVQ65556 UFJ65555:UFM65556 UPF65555:UPI65556 UZB65555:UZE65556 VIX65555:VJA65556 VST65555:VSW65556 WCP65555:WCS65556 WML65555:WMO65556 WWH65555:WWK65556 Z131091:AC131092 JV131091:JY131092 TR131091:TU131092 ADN131091:ADQ131092 ANJ131091:ANM131092 AXF131091:AXI131092 BHB131091:BHE131092 BQX131091:BRA131092 CAT131091:CAW131092 CKP131091:CKS131092 CUL131091:CUO131092 DEH131091:DEK131092 DOD131091:DOG131092 DXZ131091:DYC131092 EHV131091:EHY131092 ERR131091:ERU131092 FBN131091:FBQ131092 FLJ131091:FLM131092 FVF131091:FVI131092 GFB131091:GFE131092 GOX131091:GPA131092 GYT131091:GYW131092 HIP131091:HIS131092 HSL131091:HSO131092 ICH131091:ICK131092 IMD131091:IMG131092 IVZ131091:IWC131092 JFV131091:JFY131092 JPR131091:JPU131092 JZN131091:JZQ131092 KJJ131091:KJM131092 KTF131091:KTI131092 LDB131091:LDE131092 LMX131091:LNA131092 LWT131091:LWW131092 MGP131091:MGS131092 MQL131091:MQO131092 NAH131091:NAK131092 NKD131091:NKG131092 NTZ131091:NUC131092 ODV131091:ODY131092 ONR131091:ONU131092 OXN131091:OXQ131092 PHJ131091:PHM131092 PRF131091:PRI131092 QBB131091:QBE131092 QKX131091:QLA131092 QUT131091:QUW131092 REP131091:RES131092 ROL131091:ROO131092 RYH131091:RYK131092 SID131091:SIG131092 SRZ131091:SSC131092 TBV131091:TBY131092 TLR131091:TLU131092 TVN131091:TVQ131092 UFJ131091:UFM131092 UPF131091:UPI131092 UZB131091:UZE131092 VIX131091:VJA131092 VST131091:VSW131092 WCP131091:WCS131092 WML131091:WMO131092 WWH131091:WWK131092 Z196627:AC196628 JV196627:JY196628 TR196627:TU196628 ADN196627:ADQ196628 ANJ196627:ANM196628 AXF196627:AXI196628 BHB196627:BHE196628 BQX196627:BRA196628 CAT196627:CAW196628 CKP196627:CKS196628 CUL196627:CUO196628 DEH196627:DEK196628 DOD196627:DOG196628 DXZ196627:DYC196628 EHV196627:EHY196628 ERR196627:ERU196628 FBN196627:FBQ196628 FLJ196627:FLM196628 FVF196627:FVI196628 GFB196627:GFE196628 GOX196627:GPA196628 GYT196627:GYW196628 HIP196627:HIS196628 HSL196627:HSO196628 ICH196627:ICK196628 IMD196627:IMG196628 IVZ196627:IWC196628 JFV196627:JFY196628 JPR196627:JPU196628 JZN196627:JZQ196628 KJJ196627:KJM196628 KTF196627:KTI196628 LDB196627:LDE196628 LMX196627:LNA196628 LWT196627:LWW196628 MGP196627:MGS196628 MQL196627:MQO196628 NAH196627:NAK196628 NKD196627:NKG196628 NTZ196627:NUC196628 ODV196627:ODY196628 ONR196627:ONU196628 OXN196627:OXQ196628 PHJ196627:PHM196628 PRF196627:PRI196628 QBB196627:QBE196628 QKX196627:QLA196628 QUT196627:QUW196628 REP196627:RES196628 ROL196627:ROO196628 RYH196627:RYK196628 SID196627:SIG196628 SRZ196627:SSC196628 TBV196627:TBY196628 TLR196627:TLU196628 TVN196627:TVQ196628 UFJ196627:UFM196628 UPF196627:UPI196628 UZB196627:UZE196628 VIX196627:VJA196628 VST196627:VSW196628 WCP196627:WCS196628 WML196627:WMO196628 WWH196627:WWK196628 Z262163:AC262164 JV262163:JY262164 TR262163:TU262164 ADN262163:ADQ262164 ANJ262163:ANM262164 AXF262163:AXI262164 BHB262163:BHE262164 BQX262163:BRA262164 CAT262163:CAW262164 CKP262163:CKS262164 CUL262163:CUO262164 DEH262163:DEK262164 DOD262163:DOG262164 DXZ262163:DYC262164 EHV262163:EHY262164 ERR262163:ERU262164 FBN262163:FBQ262164 FLJ262163:FLM262164 FVF262163:FVI262164 GFB262163:GFE262164 GOX262163:GPA262164 GYT262163:GYW262164 HIP262163:HIS262164 HSL262163:HSO262164 ICH262163:ICK262164 IMD262163:IMG262164 IVZ262163:IWC262164 JFV262163:JFY262164 JPR262163:JPU262164 JZN262163:JZQ262164 KJJ262163:KJM262164 KTF262163:KTI262164 LDB262163:LDE262164 LMX262163:LNA262164 LWT262163:LWW262164 MGP262163:MGS262164 MQL262163:MQO262164 NAH262163:NAK262164 NKD262163:NKG262164 NTZ262163:NUC262164 ODV262163:ODY262164 ONR262163:ONU262164 OXN262163:OXQ262164 PHJ262163:PHM262164 PRF262163:PRI262164 QBB262163:QBE262164 QKX262163:QLA262164 QUT262163:QUW262164 REP262163:RES262164 ROL262163:ROO262164 RYH262163:RYK262164 SID262163:SIG262164 SRZ262163:SSC262164 TBV262163:TBY262164 TLR262163:TLU262164 TVN262163:TVQ262164 UFJ262163:UFM262164 UPF262163:UPI262164 UZB262163:UZE262164 VIX262163:VJA262164 VST262163:VSW262164 WCP262163:WCS262164 WML262163:WMO262164 WWH262163:WWK262164 Z327699:AC327700 JV327699:JY327700 TR327699:TU327700 ADN327699:ADQ327700 ANJ327699:ANM327700 AXF327699:AXI327700 BHB327699:BHE327700 BQX327699:BRA327700 CAT327699:CAW327700 CKP327699:CKS327700 CUL327699:CUO327700 DEH327699:DEK327700 DOD327699:DOG327700 DXZ327699:DYC327700 EHV327699:EHY327700 ERR327699:ERU327700 FBN327699:FBQ327700 FLJ327699:FLM327700 FVF327699:FVI327700 GFB327699:GFE327700 GOX327699:GPA327700 GYT327699:GYW327700 HIP327699:HIS327700 HSL327699:HSO327700 ICH327699:ICK327700 IMD327699:IMG327700 IVZ327699:IWC327700 JFV327699:JFY327700 JPR327699:JPU327700 JZN327699:JZQ327700 KJJ327699:KJM327700 KTF327699:KTI327700 LDB327699:LDE327700 LMX327699:LNA327700 LWT327699:LWW327700 MGP327699:MGS327700 MQL327699:MQO327700 NAH327699:NAK327700 NKD327699:NKG327700 NTZ327699:NUC327700 ODV327699:ODY327700 ONR327699:ONU327700 OXN327699:OXQ327700 PHJ327699:PHM327700 PRF327699:PRI327700 QBB327699:QBE327700 QKX327699:QLA327700 QUT327699:QUW327700 REP327699:RES327700 ROL327699:ROO327700 RYH327699:RYK327700 SID327699:SIG327700 SRZ327699:SSC327700 TBV327699:TBY327700 TLR327699:TLU327700 TVN327699:TVQ327700 UFJ327699:UFM327700 UPF327699:UPI327700 UZB327699:UZE327700 VIX327699:VJA327700 VST327699:VSW327700 WCP327699:WCS327700 WML327699:WMO327700 WWH327699:WWK327700 Z393235:AC393236 JV393235:JY393236 TR393235:TU393236 ADN393235:ADQ393236 ANJ393235:ANM393236 AXF393235:AXI393236 BHB393235:BHE393236 BQX393235:BRA393236 CAT393235:CAW393236 CKP393235:CKS393236 CUL393235:CUO393236 DEH393235:DEK393236 DOD393235:DOG393236 DXZ393235:DYC393236 EHV393235:EHY393236 ERR393235:ERU393236 FBN393235:FBQ393236 FLJ393235:FLM393236 FVF393235:FVI393236 GFB393235:GFE393236 GOX393235:GPA393236 GYT393235:GYW393236 HIP393235:HIS393236 HSL393235:HSO393236 ICH393235:ICK393236 IMD393235:IMG393236 IVZ393235:IWC393236 JFV393235:JFY393236 JPR393235:JPU393236 JZN393235:JZQ393236 KJJ393235:KJM393236 KTF393235:KTI393236 LDB393235:LDE393236 LMX393235:LNA393236 LWT393235:LWW393236 MGP393235:MGS393236 MQL393235:MQO393236 NAH393235:NAK393236 NKD393235:NKG393236 NTZ393235:NUC393236 ODV393235:ODY393236 ONR393235:ONU393236 OXN393235:OXQ393236 PHJ393235:PHM393236 PRF393235:PRI393236 QBB393235:QBE393236 QKX393235:QLA393236 QUT393235:QUW393236 REP393235:RES393236 ROL393235:ROO393236 RYH393235:RYK393236 SID393235:SIG393236 SRZ393235:SSC393236 TBV393235:TBY393236 TLR393235:TLU393236 TVN393235:TVQ393236 UFJ393235:UFM393236 UPF393235:UPI393236 UZB393235:UZE393236 VIX393235:VJA393236 VST393235:VSW393236 WCP393235:WCS393236 WML393235:WMO393236 WWH393235:WWK393236 Z458771:AC458772 JV458771:JY458772 TR458771:TU458772 ADN458771:ADQ458772 ANJ458771:ANM458772 AXF458771:AXI458772 BHB458771:BHE458772 BQX458771:BRA458772 CAT458771:CAW458772 CKP458771:CKS458772 CUL458771:CUO458772 DEH458771:DEK458772 DOD458771:DOG458772 DXZ458771:DYC458772 EHV458771:EHY458772 ERR458771:ERU458772 FBN458771:FBQ458772 FLJ458771:FLM458772 FVF458771:FVI458772 GFB458771:GFE458772 GOX458771:GPA458772 GYT458771:GYW458772 HIP458771:HIS458772 HSL458771:HSO458772 ICH458771:ICK458772 IMD458771:IMG458772 IVZ458771:IWC458772 JFV458771:JFY458772 JPR458771:JPU458772 JZN458771:JZQ458772 KJJ458771:KJM458772 KTF458771:KTI458772 LDB458771:LDE458772 LMX458771:LNA458772 LWT458771:LWW458772 MGP458771:MGS458772 MQL458771:MQO458772 NAH458771:NAK458772 NKD458771:NKG458772 NTZ458771:NUC458772 ODV458771:ODY458772 ONR458771:ONU458772 OXN458771:OXQ458772 PHJ458771:PHM458772 PRF458771:PRI458772 QBB458771:QBE458772 QKX458771:QLA458772 QUT458771:QUW458772 REP458771:RES458772 ROL458771:ROO458772 RYH458771:RYK458772 SID458771:SIG458772 SRZ458771:SSC458772 TBV458771:TBY458772 TLR458771:TLU458772 TVN458771:TVQ458772 UFJ458771:UFM458772 UPF458771:UPI458772 UZB458771:UZE458772 VIX458771:VJA458772 VST458771:VSW458772 WCP458771:WCS458772 WML458771:WMO458772 WWH458771:WWK458772 Z524307:AC524308 JV524307:JY524308 TR524307:TU524308 ADN524307:ADQ524308 ANJ524307:ANM524308 AXF524307:AXI524308 BHB524307:BHE524308 BQX524307:BRA524308 CAT524307:CAW524308 CKP524307:CKS524308 CUL524307:CUO524308 DEH524307:DEK524308 DOD524307:DOG524308 DXZ524307:DYC524308 EHV524307:EHY524308 ERR524307:ERU524308 FBN524307:FBQ524308 FLJ524307:FLM524308 FVF524307:FVI524308 GFB524307:GFE524308 GOX524307:GPA524308 GYT524307:GYW524308 HIP524307:HIS524308 HSL524307:HSO524308 ICH524307:ICK524308 IMD524307:IMG524308 IVZ524307:IWC524308 JFV524307:JFY524308 JPR524307:JPU524308 JZN524307:JZQ524308 KJJ524307:KJM524308 KTF524307:KTI524308 LDB524307:LDE524308 LMX524307:LNA524308 LWT524307:LWW524308 MGP524307:MGS524308 MQL524307:MQO524308 NAH524307:NAK524308 NKD524307:NKG524308 NTZ524307:NUC524308 ODV524307:ODY524308 ONR524307:ONU524308 OXN524307:OXQ524308 PHJ524307:PHM524308 PRF524307:PRI524308 QBB524307:QBE524308 QKX524307:QLA524308 QUT524307:QUW524308 REP524307:RES524308 ROL524307:ROO524308 RYH524307:RYK524308 SID524307:SIG524308 SRZ524307:SSC524308 TBV524307:TBY524308 TLR524307:TLU524308 TVN524307:TVQ524308 UFJ524307:UFM524308 UPF524307:UPI524308 UZB524307:UZE524308 VIX524307:VJA524308 VST524307:VSW524308 WCP524307:WCS524308 WML524307:WMO524308 WWH524307:WWK524308 Z589843:AC589844 JV589843:JY589844 TR589843:TU589844 ADN589843:ADQ589844 ANJ589843:ANM589844 AXF589843:AXI589844 BHB589843:BHE589844 BQX589843:BRA589844 CAT589843:CAW589844 CKP589843:CKS589844 CUL589843:CUO589844 DEH589843:DEK589844 DOD589843:DOG589844 DXZ589843:DYC589844 EHV589843:EHY589844 ERR589843:ERU589844 FBN589843:FBQ589844 FLJ589843:FLM589844 FVF589843:FVI589844 GFB589843:GFE589844 GOX589843:GPA589844 GYT589843:GYW589844 HIP589843:HIS589844 HSL589843:HSO589844 ICH589843:ICK589844 IMD589843:IMG589844 IVZ589843:IWC589844 JFV589843:JFY589844 JPR589843:JPU589844 JZN589843:JZQ589844 KJJ589843:KJM589844 KTF589843:KTI589844 LDB589843:LDE589844 LMX589843:LNA589844 LWT589843:LWW589844 MGP589843:MGS589844 MQL589843:MQO589844 NAH589843:NAK589844 NKD589843:NKG589844 NTZ589843:NUC589844 ODV589843:ODY589844 ONR589843:ONU589844 OXN589843:OXQ589844 PHJ589843:PHM589844 PRF589843:PRI589844 QBB589843:QBE589844 QKX589843:QLA589844 QUT589843:QUW589844 REP589843:RES589844 ROL589843:ROO589844 RYH589843:RYK589844 SID589843:SIG589844 SRZ589843:SSC589844 TBV589843:TBY589844 TLR589843:TLU589844 TVN589843:TVQ589844 UFJ589843:UFM589844 UPF589843:UPI589844 UZB589843:UZE589844 VIX589843:VJA589844 VST589843:VSW589844 WCP589843:WCS589844 WML589843:WMO589844 WWH589843:WWK589844 Z655379:AC655380 JV655379:JY655380 TR655379:TU655380 ADN655379:ADQ655380 ANJ655379:ANM655380 AXF655379:AXI655380 BHB655379:BHE655380 BQX655379:BRA655380 CAT655379:CAW655380 CKP655379:CKS655380 CUL655379:CUO655380 DEH655379:DEK655380 DOD655379:DOG655380 DXZ655379:DYC655380 EHV655379:EHY655380 ERR655379:ERU655380 FBN655379:FBQ655380 FLJ655379:FLM655380 FVF655379:FVI655380 GFB655379:GFE655380 GOX655379:GPA655380 GYT655379:GYW655380 HIP655379:HIS655380 HSL655379:HSO655380 ICH655379:ICK655380 IMD655379:IMG655380 IVZ655379:IWC655380 JFV655379:JFY655380 JPR655379:JPU655380 JZN655379:JZQ655380 KJJ655379:KJM655380 KTF655379:KTI655380 LDB655379:LDE655380 LMX655379:LNA655380 LWT655379:LWW655380 MGP655379:MGS655380 MQL655379:MQO655380 NAH655379:NAK655380 NKD655379:NKG655380 NTZ655379:NUC655380 ODV655379:ODY655380 ONR655379:ONU655380 OXN655379:OXQ655380 PHJ655379:PHM655380 PRF655379:PRI655380 QBB655379:QBE655380 QKX655379:QLA655380 QUT655379:QUW655380 REP655379:RES655380 ROL655379:ROO655380 RYH655379:RYK655380 SID655379:SIG655380 SRZ655379:SSC655380 TBV655379:TBY655380 TLR655379:TLU655380 TVN655379:TVQ655380 UFJ655379:UFM655380 UPF655379:UPI655380 UZB655379:UZE655380 VIX655379:VJA655380 VST655379:VSW655380 WCP655379:WCS655380 WML655379:WMO655380 WWH655379:WWK655380 Z720915:AC720916 JV720915:JY720916 TR720915:TU720916 ADN720915:ADQ720916 ANJ720915:ANM720916 AXF720915:AXI720916 BHB720915:BHE720916 BQX720915:BRA720916 CAT720915:CAW720916 CKP720915:CKS720916 CUL720915:CUO720916 DEH720915:DEK720916 DOD720915:DOG720916 DXZ720915:DYC720916 EHV720915:EHY720916 ERR720915:ERU720916 FBN720915:FBQ720916 FLJ720915:FLM720916 FVF720915:FVI720916 GFB720915:GFE720916 GOX720915:GPA720916 GYT720915:GYW720916 HIP720915:HIS720916 HSL720915:HSO720916 ICH720915:ICK720916 IMD720915:IMG720916 IVZ720915:IWC720916 JFV720915:JFY720916 JPR720915:JPU720916 JZN720915:JZQ720916 KJJ720915:KJM720916 KTF720915:KTI720916 LDB720915:LDE720916 LMX720915:LNA720916 LWT720915:LWW720916 MGP720915:MGS720916 MQL720915:MQO720916 NAH720915:NAK720916 NKD720915:NKG720916 NTZ720915:NUC720916 ODV720915:ODY720916 ONR720915:ONU720916 OXN720915:OXQ720916 PHJ720915:PHM720916 PRF720915:PRI720916 QBB720915:QBE720916 QKX720915:QLA720916 QUT720915:QUW720916 REP720915:RES720916 ROL720915:ROO720916 RYH720915:RYK720916 SID720915:SIG720916 SRZ720915:SSC720916 TBV720915:TBY720916 TLR720915:TLU720916 TVN720915:TVQ720916 UFJ720915:UFM720916 UPF720915:UPI720916 UZB720915:UZE720916 VIX720915:VJA720916 VST720915:VSW720916 WCP720915:WCS720916 WML720915:WMO720916 WWH720915:WWK720916 Z786451:AC786452 JV786451:JY786452 TR786451:TU786452 ADN786451:ADQ786452 ANJ786451:ANM786452 AXF786451:AXI786452 BHB786451:BHE786452 BQX786451:BRA786452 CAT786451:CAW786452 CKP786451:CKS786452 CUL786451:CUO786452 DEH786451:DEK786452 DOD786451:DOG786452 DXZ786451:DYC786452 EHV786451:EHY786452 ERR786451:ERU786452 FBN786451:FBQ786452 FLJ786451:FLM786452 FVF786451:FVI786452 GFB786451:GFE786452 GOX786451:GPA786452 GYT786451:GYW786452 HIP786451:HIS786452 HSL786451:HSO786452 ICH786451:ICK786452 IMD786451:IMG786452 IVZ786451:IWC786452 JFV786451:JFY786452 JPR786451:JPU786452 JZN786451:JZQ786452 KJJ786451:KJM786452 KTF786451:KTI786452 LDB786451:LDE786452 LMX786451:LNA786452 LWT786451:LWW786452 MGP786451:MGS786452 MQL786451:MQO786452 NAH786451:NAK786452 NKD786451:NKG786452 NTZ786451:NUC786452 ODV786451:ODY786452 ONR786451:ONU786452 OXN786451:OXQ786452 PHJ786451:PHM786452 PRF786451:PRI786452 QBB786451:QBE786452 QKX786451:QLA786452 QUT786451:QUW786452 REP786451:RES786452 ROL786451:ROO786452 RYH786451:RYK786452 SID786451:SIG786452 SRZ786451:SSC786452 TBV786451:TBY786452 TLR786451:TLU786452 TVN786451:TVQ786452 UFJ786451:UFM786452 UPF786451:UPI786452 UZB786451:UZE786452 VIX786451:VJA786452 VST786451:VSW786452 WCP786451:WCS786452 WML786451:WMO786452 WWH786451:WWK786452 Z851987:AC851988 JV851987:JY851988 TR851987:TU851988 ADN851987:ADQ851988 ANJ851987:ANM851988 AXF851987:AXI851988 BHB851987:BHE851988 BQX851987:BRA851988 CAT851987:CAW851988 CKP851987:CKS851988 CUL851987:CUO851988 DEH851987:DEK851988 DOD851987:DOG851988 DXZ851987:DYC851988 EHV851987:EHY851988 ERR851987:ERU851988 FBN851987:FBQ851988 FLJ851987:FLM851988 FVF851987:FVI851988 GFB851987:GFE851988 GOX851987:GPA851988 GYT851987:GYW851988 HIP851987:HIS851988 HSL851987:HSO851988 ICH851987:ICK851988 IMD851987:IMG851988 IVZ851987:IWC851988 JFV851987:JFY851988 JPR851987:JPU851988 JZN851987:JZQ851988 KJJ851987:KJM851988 KTF851987:KTI851988 LDB851987:LDE851988 LMX851987:LNA851988 LWT851987:LWW851988 MGP851987:MGS851988 MQL851987:MQO851988 NAH851987:NAK851988 NKD851987:NKG851988 NTZ851987:NUC851988 ODV851987:ODY851988 ONR851987:ONU851988 OXN851987:OXQ851988 PHJ851987:PHM851988 PRF851987:PRI851988 QBB851987:QBE851988 QKX851987:QLA851988 QUT851987:QUW851988 REP851987:RES851988 ROL851987:ROO851988 RYH851987:RYK851988 SID851987:SIG851988 SRZ851987:SSC851988 TBV851987:TBY851988 TLR851987:TLU851988 TVN851987:TVQ851988 UFJ851987:UFM851988 UPF851987:UPI851988 UZB851987:UZE851988 VIX851987:VJA851988 VST851987:VSW851988 WCP851987:WCS851988 WML851987:WMO851988 WWH851987:WWK851988 Z917523:AC917524 JV917523:JY917524 TR917523:TU917524 ADN917523:ADQ917524 ANJ917523:ANM917524 AXF917523:AXI917524 BHB917523:BHE917524 BQX917523:BRA917524 CAT917523:CAW917524 CKP917523:CKS917524 CUL917523:CUO917524 DEH917523:DEK917524 DOD917523:DOG917524 DXZ917523:DYC917524 EHV917523:EHY917524 ERR917523:ERU917524 FBN917523:FBQ917524 FLJ917523:FLM917524 FVF917523:FVI917524 GFB917523:GFE917524 GOX917523:GPA917524 GYT917523:GYW917524 HIP917523:HIS917524 HSL917523:HSO917524 ICH917523:ICK917524 IMD917523:IMG917524 IVZ917523:IWC917524 JFV917523:JFY917524 JPR917523:JPU917524 JZN917523:JZQ917524 KJJ917523:KJM917524 KTF917523:KTI917524 LDB917523:LDE917524 LMX917523:LNA917524 LWT917523:LWW917524 MGP917523:MGS917524 MQL917523:MQO917524 NAH917523:NAK917524 NKD917523:NKG917524 NTZ917523:NUC917524 ODV917523:ODY917524 ONR917523:ONU917524 OXN917523:OXQ917524 PHJ917523:PHM917524 PRF917523:PRI917524 QBB917523:QBE917524 QKX917523:QLA917524 QUT917523:QUW917524 REP917523:RES917524 ROL917523:ROO917524 RYH917523:RYK917524 SID917523:SIG917524 SRZ917523:SSC917524 TBV917523:TBY917524 TLR917523:TLU917524 TVN917523:TVQ917524 UFJ917523:UFM917524 UPF917523:UPI917524 UZB917523:UZE917524 VIX917523:VJA917524 VST917523:VSW917524 WCP917523:WCS917524 WML917523:WMO917524 WWH917523:WWK917524 Z983059:AC983060 JV983059:JY983060 TR983059:TU983060 ADN983059:ADQ983060 ANJ983059:ANM983060 AXF983059:AXI983060 BHB983059:BHE983060 BQX983059:BRA983060 CAT983059:CAW983060 CKP983059:CKS983060 CUL983059:CUO983060 DEH983059:DEK983060 DOD983059:DOG983060 DXZ983059:DYC983060 EHV983059:EHY983060 ERR983059:ERU983060 FBN983059:FBQ983060 FLJ983059:FLM983060 FVF983059:FVI983060 GFB983059:GFE983060 GOX983059:GPA983060 GYT983059:GYW983060 HIP983059:HIS983060 HSL983059:HSO983060 ICH983059:ICK983060 IMD983059:IMG983060 IVZ983059:IWC983060 JFV983059:JFY983060 JPR983059:JPU983060 JZN983059:JZQ983060 KJJ983059:KJM983060 KTF983059:KTI983060 LDB983059:LDE983060 LMX983059:LNA983060 LWT983059:LWW983060 MGP983059:MGS983060 MQL983059:MQO983060 NAH983059:NAK983060 NKD983059:NKG983060 NTZ983059:NUC983060 ODV983059:ODY983060 ONR983059:ONU983060 OXN983059:OXQ983060 PHJ983059:PHM983060 PRF983059:PRI983060 QBB983059:QBE983060 QKX983059:QLA983060 QUT983059:QUW983060 REP983059:RES983060 ROL983059:ROO983060 RYH983059:RYK983060 SID983059:SIG983060 SRZ983059:SSC983060 TBV983059:TBY983060 TLR983059:TLU983060 TVN983059:TVQ983060 UFJ983059:UFM983060 UPF983059:UPI983060 UZB983059:UZE983060 VIX983059:VJA983060 VST983059:VSW983060 WCP983059:WCS983060 WML983059:WMO983060 WWH983059:WWK983060" xr:uid="{00000000-0002-0000-0100-000004000000}"/>
    <dataValidation imeMode="on" allowBlank="1" showInputMessage="1" showErrorMessage="1" promptTitle="提供可能時期" prompt="旬に関係なく、年間販売が可能な加工品等の場合は『通年』と書いていただき、右の（　）内には最もおいしい時期を記入してください。_x000a__x000a_また期間限定の場合はその理由とともに限定期間を記入してください。" sqref="I13:M14 JE13:JI14 TA13:TE14 ACW13:ADA14 AMS13:AMW14 AWO13:AWS14 BGK13:BGO14 BQG13:BQK14 CAC13:CAG14 CJY13:CKC14 CTU13:CTY14 DDQ13:DDU14 DNM13:DNQ14 DXI13:DXM14 EHE13:EHI14 ERA13:ERE14 FAW13:FBA14 FKS13:FKW14 FUO13:FUS14 GEK13:GEO14 GOG13:GOK14 GYC13:GYG14 HHY13:HIC14 HRU13:HRY14 IBQ13:IBU14 ILM13:ILQ14 IVI13:IVM14 JFE13:JFI14 JPA13:JPE14 JYW13:JZA14 KIS13:KIW14 KSO13:KSS14 LCK13:LCO14 LMG13:LMK14 LWC13:LWG14 MFY13:MGC14 MPU13:MPY14 MZQ13:MZU14 NJM13:NJQ14 NTI13:NTM14 ODE13:ODI14 ONA13:ONE14 OWW13:OXA14 PGS13:PGW14 PQO13:PQS14 QAK13:QAO14 QKG13:QKK14 QUC13:QUG14 RDY13:REC14 RNU13:RNY14 RXQ13:RXU14 SHM13:SHQ14 SRI13:SRM14 TBE13:TBI14 TLA13:TLE14 TUW13:TVA14 UES13:UEW14 UOO13:UOS14 UYK13:UYO14 VIG13:VIK14 VSC13:VSG14 WBY13:WCC14 WLU13:WLY14 WVQ13:WVU14 I65549:M65550 JE65549:JI65550 TA65549:TE65550 ACW65549:ADA65550 AMS65549:AMW65550 AWO65549:AWS65550 BGK65549:BGO65550 BQG65549:BQK65550 CAC65549:CAG65550 CJY65549:CKC65550 CTU65549:CTY65550 DDQ65549:DDU65550 DNM65549:DNQ65550 DXI65549:DXM65550 EHE65549:EHI65550 ERA65549:ERE65550 FAW65549:FBA65550 FKS65549:FKW65550 FUO65549:FUS65550 GEK65549:GEO65550 GOG65549:GOK65550 GYC65549:GYG65550 HHY65549:HIC65550 HRU65549:HRY65550 IBQ65549:IBU65550 ILM65549:ILQ65550 IVI65549:IVM65550 JFE65549:JFI65550 JPA65549:JPE65550 JYW65549:JZA65550 KIS65549:KIW65550 KSO65549:KSS65550 LCK65549:LCO65550 LMG65549:LMK65550 LWC65549:LWG65550 MFY65549:MGC65550 MPU65549:MPY65550 MZQ65549:MZU65550 NJM65549:NJQ65550 NTI65549:NTM65550 ODE65549:ODI65550 ONA65549:ONE65550 OWW65549:OXA65550 PGS65549:PGW65550 PQO65549:PQS65550 QAK65549:QAO65550 QKG65549:QKK65550 QUC65549:QUG65550 RDY65549:REC65550 RNU65549:RNY65550 RXQ65549:RXU65550 SHM65549:SHQ65550 SRI65549:SRM65550 TBE65549:TBI65550 TLA65549:TLE65550 TUW65549:TVA65550 UES65549:UEW65550 UOO65549:UOS65550 UYK65549:UYO65550 VIG65549:VIK65550 VSC65549:VSG65550 WBY65549:WCC65550 WLU65549:WLY65550 WVQ65549:WVU65550 I131085:M131086 JE131085:JI131086 TA131085:TE131086 ACW131085:ADA131086 AMS131085:AMW131086 AWO131085:AWS131086 BGK131085:BGO131086 BQG131085:BQK131086 CAC131085:CAG131086 CJY131085:CKC131086 CTU131085:CTY131086 DDQ131085:DDU131086 DNM131085:DNQ131086 DXI131085:DXM131086 EHE131085:EHI131086 ERA131085:ERE131086 FAW131085:FBA131086 FKS131085:FKW131086 FUO131085:FUS131086 GEK131085:GEO131086 GOG131085:GOK131086 GYC131085:GYG131086 HHY131085:HIC131086 HRU131085:HRY131086 IBQ131085:IBU131086 ILM131085:ILQ131086 IVI131085:IVM131086 JFE131085:JFI131086 JPA131085:JPE131086 JYW131085:JZA131086 KIS131085:KIW131086 KSO131085:KSS131086 LCK131085:LCO131086 LMG131085:LMK131086 LWC131085:LWG131086 MFY131085:MGC131086 MPU131085:MPY131086 MZQ131085:MZU131086 NJM131085:NJQ131086 NTI131085:NTM131086 ODE131085:ODI131086 ONA131085:ONE131086 OWW131085:OXA131086 PGS131085:PGW131086 PQO131085:PQS131086 QAK131085:QAO131086 QKG131085:QKK131086 QUC131085:QUG131086 RDY131085:REC131086 RNU131085:RNY131086 RXQ131085:RXU131086 SHM131085:SHQ131086 SRI131085:SRM131086 TBE131085:TBI131086 TLA131085:TLE131086 TUW131085:TVA131086 UES131085:UEW131086 UOO131085:UOS131086 UYK131085:UYO131086 VIG131085:VIK131086 VSC131085:VSG131086 WBY131085:WCC131086 WLU131085:WLY131086 WVQ131085:WVU131086 I196621:M196622 JE196621:JI196622 TA196621:TE196622 ACW196621:ADA196622 AMS196621:AMW196622 AWO196621:AWS196622 BGK196621:BGO196622 BQG196621:BQK196622 CAC196621:CAG196622 CJY196621:CKC196622 CTU196621:CTY196622 DDQ196621:DDU196622 DNM196621:DNQ196622 DXI196621:DXM196622 EHE196621:EHI196622 ERA196621:ERE196622 FAW196621:FBA196622 FKS196621:FKW196622 FUO196621:FUS196622 GEK196621:GEO196622 GOG196621:GOK196622 GYC196621:GYG196622 HHY196621:HIC196622 HRU196621:HRY196622 IBQ196621:IBU196622 ILM196621:ILQ196622 IVI196621:IVM196622 JFE196621:JFI196622 JPA196621:JPE196622 JYW196621:JZA196622 KIS196621:KIW196622 KSO196621:KSS196622 LCK196621:LCO196622 LMG196621:LMK196622 LWC196621:LWG196622 MFY196621:MGC196622 MPU196621:MPY196622 MZQ196621:MZU196622 NJM196621:NJQ196622 NTI196621:NTM196622 ODE196621:ODI196622 ONA196621:ONE196622 OWW196621:OXA196622 PGS196621:PGW196622 PQO196621:PQS196622 QAK196621:QAO196622 QKG196621:QKK196622 QUC196621:QUG196622 RDY196621:REC196622 RNU196621:RNY196622 RXQ196621:RXU196622 SHM196621:SHQ196622 SRI196621:SRM196622 TBE196621:TBI196622 TLA196621:TLE196622 TUW196621:TVA196622 UES196621:UEW196622 UOO196621:UOS196622 UYK196621:UYO196622 VIG196621:VIK196622 VSC196621:VSG196622 WBY196621:WCC196622 WLU196621:WLY196622 WVQ196621:WVU196622 I262157:M262158 JE262157:JI262158 TA262157:TE262158 ACW262157:ADA262158 AMS262157:AMW262158 AWO262157:AWS262158 BGK262157:BGO262158 BQG262157:BQK262158 CAC262157:CAG262158 CJY262157:CKC262158 CTU262157:CTY262158 DDQ262157:DDU262158 DNM262157:DNQ262158 DXI262157:DXM262158 EHE262157:EHI262158 ERA262157:ERE262158 FAW262157:FBA262158 FKS262157:FKW262158 FUO262157:FUS262158 GEK262157:GEO262158 GOG262157:GOK262158 GYC262157:GYG262158 HHY262157:HIC262158 HRU262157:HRY262158 IBQ262157:IBU262158 ILM262157:ILQ262158 IVI262157:IVM262158 JFE262157:JFI262158 JPA262157:JPE262158 JYW262157:JZA262158 KIS262157:KIW262158 KSO262157:KSS262158 LCK262157:LCO262158 LMG262157:LMK262158 LWC262157:LWG262158 MFY262157:MGC262158 MPU262157:MPY262158 MZQ262157:MZU262158 NJM262157:NJQ262158 NTI262157:NTM262158 ODE262157:ODI262158 ONA262157:ONE262158 OWW262157:OXA262158 PGS262157:PGW262158 PQO262157:PQS262158 QAK262157:QAO262158 QKG262157:QKK262158 QUC262157:QUG262158 RDY262157:REC262158 RNU262157:RNY262158 RXQ262157:RXU262158 SHM262157:SHQ262158 SRI262157:SRM262158 TBE262157:TBI262158 TLA262157:TLE262158 TUW262157:TVA262158 UES262157:UEW262158 UOO262157:UOS262158 UYK262157:UYO262158 VIG262157:VIK262158 VSC262157:VSG262158 WBY262157:WCC262158 WLU262157:WLY262158 WVQ262157:WVU262158 I327693:M327694 JE327693:JI327694 TA327693:TE327694 ACW327693:ADA327694 AMS327693:AMW327694 AWO327693:AWS327694 BGK327693:BGO327694 BQG327693:BQK327694 CAC327693:CAG327694 CJY327693:CKC327694 CTU327693:CTY327694 DDQ327693:DDU327694 DNM327693:DNQ327694 DXI327693:DXM327694 EHE327693:EHI327694 ERA327693:ERE327694 FAW327693:FBA327694 FKS327693:FKW327694 FUO327693:FUS327694 GEK327693:GEO327694 GOG327693:GOK327694 GYC327693:GYG327694 HHY327693:HIC327694 HRU327693:HRY327694 IBQ327693:IBU327694 ILM327693:ILQ327694 IVI327693:IVM327694 JFE327693:JFI327694 JPA327693:JPE327694 JYW327693:JZA327694 KIS327693:KIW327694 KSO327693:KSS327694 LCK327693:LCO327694 LMG327693:LMK327694 LWC327693:LWG327694 MFY327693:MGC327694 MPU327693:MPY327694 MZQ327693:MZU327694 NJM327693:NJQ327694 NTI327693:NTM327694 ODE327693:ODI327694 ONA327693:ONE327694 OWW327693:OXA327694 PGS327693:PGW327694 PQO327693:PQS327694 QAK327693:QAO327694 QKG327693:QKK327694 QUC327693:QUG327694 RDY327693:REC327694 RNU327693:RNY327694 RXQ327693:RXU327694 SHM327693:SHQ327694 SRI327693:SRM327694 TBE327693:TBI327694 TLA327693:TLE327694 TUW327693:TVA327694 UES327693:UEW327694 UOO327693:UOS327694 UYK327693:UYO327694 VIG327693:VIK327694 VSC327693:VSG327694 WBY327693:WCC327694 WLU327693:WLY327694 WVQ327693:WVU327694 I393229:M393230 JE393229:JI393230 TA393229:TE393230 ACW393229:ADA393230 AMS393229:AMW393230 AWO393229:AWS393230 BGK393229:BGO393230 BQG393229:BQK393230 CAC393229:CAG393230 CJY393229:CKC393230 CTU393229:CTY393230 DDQ393229:DDU393230 DNM393229:DNQ393230 DXI393229:DXM393230 EHE393229:EHI393230 ERA393229:ERE393230 FAW393229:FBA393230 FKS393229:FKW393230 FUO393229:FUS393230 GEK393229:GEO393230 GOG393229:GOK393230 GYC393229:GYG393230 HHY393229:HIC393230 HRU393229:HRY393230 IBQ393229:IBU393230 ILM393229:ILQ393230 IVI393229:IVM393230 JFE393229:JFI393230 JPA393229:JPE393230 JYW393229:JZA393230 KIS393229:KIW393230 KSO393229:KSS393230 LCK393229:LCO393230 LMG393229:LMK393230 LWC393229:LWG393230 MFY393229:MGC393230 MPU393229:MPY393230 MZQ393229:MZU393230 NJM393229:NJQ393230 NTI393229:NTM393230 ODE393229:ODI393230 ONA393229:ONE393230 OWW393229:OXA393230 PGS393229:PGW393230 PQO393229:PQS393230 QAK393229:QAO393230 QKG393229:QKK393230 QUC393229:QUG393230 RDY393229:REC393230 RNU393229:RNY393230 RXQ393229:RXU393230 SHM393229:SHQ393230 SRI393229:SRM393230 TBE393229:TBI393230 TLA393229:TLE393230 TUW393229:TVA393230 UES393229:UEW393230 UOO393229:UOS393230 UYK393229:UYO393230 VIG393229:VIK393230 VSC393229:VSG393230 WBY393229:WCC393230 WLU393229:WLY393230 WVQ393229:WVU393230 I458765:M458766 JE458765:JI458766 TA458765:TE458766 ACW458765:ADA458766 AMS458765:AMW458766 AWO458765:AWS458766 BGK458765:BGO458766 BQG458765:BQK458766 CAC458765:CAG458766 CJY458765:CKC458766 CTU458765:CTY458766 DDQ458765:DDU458766 DNM458765:DNQ458766 DXI458765:DXM458766 EHE458765:EHI458766 ERA458765:ERE458766 FAW458765:FBA458766 FKS458765:FKW458766 FUO458765:FUS458766 GEK458765:GEO458766 GOG458765:GOK458766 GYC458765:GYG458766 HHY458765:HIC458766 HRU458765:HRY458766 IBQ458765:IBU458766 ILM458765:ILQ458766 IVI458765:IVM458766 JFE458765:JFI458766 JPA458765:JPE458766 JYW458765:JZA458766 KIS458765:KIW458766 KSO458765:KSS458766 LCK458765:LCO458766 LMG458765:LMK458766 LWC458765:LWG458766 MFY458765:MGC458766 MPU458765:MPY458766 MZQ458765:MZU458766 NJM458765:NJQ458766 NTI458765:NTM458766 ODE458765:ODI458766 ONA458765:ONE458766 OWW458765:OXA458766 PGS458765:PGW458766 PQO458765:PQS458766 QAK458765:QAO458766 QKG458765:QKK458766 QUC458765:QUG458766 RDY458765:REC458766 RNU458765:RNY458766 RXQ458765:RXU458766 SHM458765:SHQ458766 SRI458765:SRM458766 TBE458765:TBI458766 TLA458765:TLE458766 TUW458765:TVA458766 UES458765:UEW458766 UOO458765:UOS458766 UYK458765:UYO458766 VIG458765:VIK458766 VSC458765:VSG458766 WBY458765:WCC458766 WLU458765:WLY458766 WVQ458765:WVU458766 I524301:M524302 JE524301:JI524302 TA524301:TE524302 ACW524301:ADA524302 AMS524301:AMW524302 AWO524301:AWS524302 BGK524301:BGO524302 BQG524301:BQK524302 CAC524301:CAG524302 CJY524301:CKC524302 CTU524301:CTY524302 DDQ524301:DDU524302 DNM524301:DNQ524302 DXI524301:DXM524302 EHE524301:EHI524302 ERA524301:ERE524302 FAW524301:FBA524302 FKS524301:FKW524302 FUO524301:FUS524302 GEK524301:GEO524302 GOG524301:GOK524302 GYC524301:GYG524302 HHY524301:HIC524302 HRU524301:HRY524302 IBQ524301:IBU524302 ILM524301:ILQ524302 IVI524301:IVM524302 JFE524301:JFI524302 JPA524301:JPE524302 JYW524301:JZA524302 KIS524301:KIW524302 KSO524301:KSS524302 LCK524301:LCO524302 LMG524301:LMK524302 LWC524301:LWG524302 MFY524301:MGC524302 MPU524301:MPY524302 MZQ524301:MZU524302 NJM524301:NJQ524302 NTI524301:NTM524302 ODE524301:ODI524302 ONA524301:ONE524302 OWW524301:OXA524302 PGS524301:PGW524302 PQO524301:PQS524302 QAK524301:QAO524302 QKG524301:QKK524302 QUC524301:QUG524302 RDY524301:REC524302 RNU524301:RNY524302 RXQ524301:RXU524302 SHM524301:SHQ524302 SRI524301:SRM524302 TBE524301:TBI524302 TLA524301:TLE524302 TUW524301:TVA524302 UES524301:UEW524302 UOO524301:UOS524302 UYK524301:UYO524302 VIG524301:VIK524302 VSC524301:VSG524302 WBY524301:WCC524302 WLU524301:WLY524302 WVQ524301:WVU524302 I589837:M589838 JE589837:JI589838 TA589837:TE589838 ACW589837:ADA589838 AMS589837:AMW589838 AWO589837:AWS589838 BGK589837:BGO589838 BQG589837:BQK589838 CAC589837:CAG589838 CJY589837:CKC589838 CTU589837:CTY589838 DDQ589837:DDU589838 DNM589837:DNQ589838 DXI589837:DXM589838 EHE589837:EHI589838 ERA589837:ERE589838 FAW589837:FBA589838 FKS589837:FKW589838 FUO589837:FUS589838 GEK589837:GEO589838 GOG589837:GOK589838 GYC589837:GYG589838 HHY589837:HIC589838 HRU589837:HRY589838 IBQ589837:IBU589838 ILM589837:ILQ589838 IVI589837:IVM589838 JFE589837:JFI589838 JPA589837:JPE589838 JYW589837:JZA589838 KIS589837:KIW589838 KSO589837:KSS589838 LCK589837:LCO589838 LMG589837:LMK589838 LWC589837:LWG589838 MFY589837:MGC589838 MPU589837:MPY589838 MZQ589837:MZU589838 NJM589837:NJQ589838 NTI589837:NTM589838 ODE589837:ODI589838 ONA589837:ONE589838 OWW589837:OXA589838 PGS589837:PGW589838 PQO589837:PQS589838 QAK589837:QAO589838 QKG589837:QKK589838 QUC589837:QUG589838 RDY589837:REC589838 RNU589837:RNY589838 RXQ589837:RXU589838 SHM589837:SHQ589838 SRI589837:SRM589838 TBE589837:TBI589838 TLA589837:TLE589838 TUW589837:TVA589838 UES589837:UEW589838 UOO589837:UOS589838 UYK589837:UYO589838 VIG589837:VIK589838 VSC589837:VSG589838 WBY589837:WCC589838 WLU589837:WLY589838 WVQ589837:WVU589838 I655373:M655374 JE655373:JI655374 TA655373:TE655374 ACW655373:ADA655374 AMS655373:AMW655374 AWO655373:AWS655374 BGK655373:BGO655374 BQG655373:BQK655374 CAC655373:CAG655374 CJY655373:CKC655374 CTU655373:CTY655374 DDQ655373:DDU655374 DNM655373:DNQ655374 DXI655373:DXM655374 EHE655373:EHI655374 ERA655373:ERE655374 FAW655373:FBA655374 FKS655373:FKW655374 FUO655373:FUS655374 GEK655373:GEO655374 GOG655373:GOK655374 GYC655373:GYG655374 HHY655373:HIC655374 HRU655373:HRY655374 IBQ655373:IBU655374 ILM655373:ILQ655374 IVI655373:IVM655374 JFE655373:JFI655374 JPA655373:JPE655374 JYW655373:JZA655374 KIS655373:KIW655374 KSO655373:KSS655374 LCK655373:LCO655374 LMG655373:LMK655374 LWC655373:LWG655374 MFY655373:MGC655374 MPU655373:MPY655374 MZQ655373:MZU655374 NJM655373:NJQ655374 NTI655373:NTM655374 ODE655373:ODI655374 ONA655373:ONE655374 OWW655373:OXA655374 PGS655373:PGW655374 PQO655373:PQS655374 QAK655373:QAO655374 QKG655373:QKK655374 QUC655373:QUG655374 RDY655373:REC655374 RNU655373:RNY655374 RXQ655373:RXU655374 SHM655373:SHQ655374 SRI655373:SRM655374 TBE655373:TBI655374 TLA655373:TLE655374 TUW655373:TVA655374 UES655373:UEW655374 UOO655373:UOS655374 UYK655373:UYO655374 VIG655373:VIK655374 VSC655373:VSG655374 WBY655373:WCC655374 WLU655373:WLY655374 WVQ655373:WVU655374 I720909:M720910 JE720909:JI720910 TA720909:TE720910 ACW720909:ADA720910 AMS720909:AMW720910 AWO720909:AWS720910 BGK720909:BGO720910 BQG720909:BQK720910 CAC720909:CAG720910 CJY720909:CKC720910 CTU720909:CTY720910 DDQ720909:DDU720910 DNM720909:DNQ720910 DXI720909:DXM720910 EHE720909:EHI720910 ERA720909:ERE720910 FAW720909:FBA720910 FKS720909:FKW720910 FUO720909:FUS720910 GEK720909:GEO720910 GOG720909:GOK720910 GYC720909:GYG720910 HHY720909:HIC720910 HRU720909:HRY720910 IBQ720909:IBU720910 ILM720909:ILQ720910 IVI720909:IVM720910 JFE720909:JFI720910 JPA720909:JPE720910 JYW720909:JZA720910 KIS720909:KIW720910 KSO720909:KSS720910 LCK720909:LCO720910 LMG720909:LMK720910 LWC720909:LWG720910 MFY720909:MGC720910 MPU720909:MPY720910 MZQ720909:MZU720910 NJM720909:NJQ720910 NTI720909:NTM720910 ODE720909:ODI720910 ONA720909:ONE720910 OWW720909:OXA720910 PGS720909:PGW720910 PQO720909:PQS720910 QAK720909:QAO720910 QKG720909:QKK720910 QUC720909:QUG720910 RDY720909:REC720910 RNU720909:RNY720910 RXQ720909:RXU720910 SHM720909:SHQ720910 SRI720909:SRM720910 TBE720909:TBI720910 TLA720909:TLE720910 TUW720909:TVA720910 UES720909:UEW720910 UOO720909:UOS720910 UYK720909:UYO720910 VIG720909:VIK720910 VSC720909:VSG720910 WBY720909:WCC720910 WLU720909:WLY720910 WVQ720909:WVU720910 I786445:M786446 JE786445:JI786446 TA786445:TE786446 ACW786445:ADA786446 AMS786445:AMW786446 AWO786445:AWS786446 BGK786445:BGO786446 BQG786445:BQK786446 CAC786445:CAG786446 CJY786445:CKC786446 CTU786445:CTY786446 DDQ786445:DDU786446 DNM786445:DNQ786446 DXI786445:DXM786446 EHE786445:EHI786446 ERA786445:ERE786446 FAW786445:FBA786446 FKS786445:FKW786446 FUO786445:FUS786446 GEK786445:GEO786446 GOG786445:GOK786446 GYC786445:GYG786446 HHY786445:HIC786446 HRU786445:HRY786446 IBQ786445:IBU786446 ILM786445:ILQ786446 IVI786445:IVM786446 JFE786445:JFI786446 JPA786445:JPE786446 JYW786445:JZA786446 KIS786445:KIW786446 KSO786445:KSS786446 LCK786445:LCO786446 LMG786445:LMK786446 LWC786445:LWG786446 MFY786445:MGC786446 MPU786445:MPY786446 MZQ786445:MZU786446 NJM786445:NJQ786446 NTI786445:NTM786446 ODE786445:ODI786446 ONA786445:ONE786446 OWW786445:OXA786446 PGS786445:PGW786446 PQO786445:PQS786446 QAK786445:QAO786446 QKG786445:QKK786446 QUC786445:QUG786446 RDY786445:REC786446 RNU786445:RNY786446 RXQ786445:RXU786446 SHM786445:SHQ786446 SRI786445:SRM786446 TBE786445:TBI786446 TLA786445:TLE786446 TUW786445:TVA786446 UES786445:UEW786446 UOO786445:UOS786446 UYK786445:UYO786446 VIG786445:VIK786446 VSC786445:VSG786446 WBY786445:WCC786446 WLU786445:WLY786446 WVQ786445:WVU786446 I851981:M851982 JE851981:JI851982 TA851981:TE851982 ACW851981:ADA851982 AMS851981:AMW851982 AWO851981:AWS851982 BGK851981:BGO851982 BQG851981:BQK851982 CAC851981:CAG851982 CJY851981:CKC851982 CTU851981:CTY851982 DDQ851981:DDU851982 DNM851981:DNQ851982 DXI851981:DXM851982 EHE851981:EHI851982 ERA851981:ERE851982 FAW851981:FBA851982 FKS851981:FKW851982 FUO851981:FUS851982 GEK851981:GEO851982 GOG851981:GOK851982 GYC851981:GYG851982 HHY851981:HIC851982 HRU851981:HRY851982 IBQ851981:IBU851982 ILM851981:ILQ851982 IVI851981:IVM851982 JFE851981:JFI851982 JPA851981:JPE851982 JYW851981:JZA851982 KIS851981:KIW851982 KSO851981:KSS851982 LCK851981:LCO851982 LMG851981:LMK851982 LWC851981:LWG851982 MFY851981:MGC851982 MPU851981:MPY851982 MZQ851981:MZU851982 NJM851981:NJQ851982 NTI851981:NTM851982 ODE851981:ODI851982 ONA851981:ONE851982 OWW851981:OXA851982 PGS851981:PGW851982 PQO851981:PQS851982 QAK851981:QAO851982 QKG851981:QKK851982 QUC851981:QUG851982 RDY851981:REC851982 RNU851981:RNY851982 RXQ851981:RXU851982 SHM851981:SHQ851982 SRI851981:SRM851982 TBE851981:TBI851982 TLA851981:TLE851982 TUW851981:TVA851982 UES851981:UEW851982 UOO851981:UOS851982 UYK851981:UYO851982 VIG851981:VIK851982 VSC851981:VSG851982 WBY851981:WCC851982 WLU851981:WLY851982 WVQ851981:WVU851982 I917517:M917518 JE917517:JI917518 TA917517:TE917518 ACW917517:ADA917518 AMS917517:AMW917518 AWO917517:AWS917518 BGK917517:BGO917518 BQG917517:BQK917518 CAC917517:CAG917518 CJY917517:CKC917518 CTU917517:CTY917518 DDQ917517:DDU917518 DNM917517:DNQ917518 DXI917517:DXM917518 EHE917517:EHI917518 ERA917517:ERE917518 FAW917517:FBA917518 FKS917517:FKW917518 FUO917517:FUS917518 GEK917517:GEO917518 GOG917517:GOK917518 GYC917517:GYG917518 HHY917517:HIC917518 HRU917517:HRY917518 IBQ917517:IBU917518 ILM917517:ILQ917518 IVI917517:IVM917518 JFE917517:JFI917518 JPA917517:JPE917518 JYW917517:JZA917518 KIS917517:KIW917518 KSO917517:KSS917518 LCK917517:LCO917518 LMG917517:LMK917518 LWC917517:LWG917518 MFY917517:MGC917518 MPU917517:MPY917518 MZQ917517:MZU917518 NJM917517:NJQ917518 NTI917517:NTM917518 ODE917517:ODI917518 ONA917517:ONE917518 OWW917517:OXA917518 PGS917517:PGW917518 PQO917517:PQS917518 QAK917517:QAO917518 QKG917517:QKK917518 QUC917517:QUG917518 RDY917517:REC917518 RNU917517:RNY917518 RXQ917517:RXU917518 SHM917517:SHQ917518 SRI917517:SRM917518 TBE917517:TBI917518 TLA917517:TLE917518 TUW917517:TVA917518 UES917517:UEW917518 UOO917517:UOS917518 UYK917517:UYO917518 VIG917517:VIK917518 VSC917517:VSG917518 WBY917517:WCC917518 WLU917517:WLY917518 WVQ917517:WVU917518 I983053:M983054 JE983053:JI983054 TA983053:TE983054 ACW983053:ADA983054 AMS983053:AMW983054 AWO983053:AWS983054 BGK983053:BGO983054 BQG983053:BQK983054 CAC983053:CAG983054 CJY983053:CKC983054 CTU983053:CTY983054 DDQ983053:DDU983054 DNM983053:DNQ983054 DXI983053:DXM983054 EHE983053:EHI983054 ERA983053:ERE983054 FAW983053:FBA983054 FKS983053:FKW983054 FUO983053:FUS983054 GEK983053:GEO983054 GOG983053:GOK983054 GYC983053:GYG983054 HHY983053:HIC983054 HRU983053:HRY983054 IBQ983053:IBU983054 ILM983053:ILQ983054 IVI983053:IVM983054 JFE983053:JFI983054 JPA983053:JPE983054 JYW983053:JZA983054 KIS983053:KIW983054 KSO983053:KSS983054 LCK983053:LCO983054 LMG983053:LMK983054 LWC983053:LWG983054 MFY983053:MGC983054 MPU983053:MPY983054 MZQ983053:MZU983054 NJM983053:NJQ983054 NTI983053:NTM983054 ODE983053:ODI983054 ONA983053:ONE983054 OWW983053:OXA983054 PGS983053:PGW983054 PQO983053:PQS983054 QAK983053:QAO983054 QKG983053:QKK983054 QUC983053:QUG983054 RDY983053:REC983054 RNU983053:RNY983054 RXQ983053:RXU983054 SHM983053:SHQ983054 SRI983053:SRM983054 TBE983053:TBI983054 TLA983053:TLE983054 TUW983053:TVA983054 UES983053:UEW983054 UOO983053:UOS983054 UYK983053:UYO983054 VIG983053:VIK983054 VSC983053:VSG983054 WBY983053:WCC983054 WLU983053:WLY983054 WVQ983053:WVU983054" xr:uid="{00000000-0002-0000-0100-000005000000}"/>
    <dataValidation allowBlank="1" showInputMessage="1" showErrorMessage="1" promptTitle="一括表示とアレルギー表示" prompt="特定原材料を使用していなくても、それらを使用している工場内で生産している場合は、備考欄に同工場内で○○を使用していますの文言もあると良いです。アレルギー表示は、記載漏れと思われないために、特定原材料を使用していない場合はこの欄に大きく×をつけましょう。" sqref="Q64 JM64 TI64 ADE64 ANA64 AWW64 BGS64 BQO64 CAK64 CKG64 CUC64 DDY64 DNU64 DXQ64 EHM64 ERI64 FBE64 FLA64 FUW64 GES64 GOO64 GYK64 HIG64 HSC64 IBY64 ILU64 IVQ64 JFM64 JPI64 JZE64 KJA64 KSW64 LCS64 LMO64 LWK64 MGG64 MQC64 MZY64 NJU64 NTQ64 ODM64 ONI64 OXE64 PHA64 PQW64 QAS64 QKO64 QUK64 REG64 ROC64 RXY64 SHU64 SRQ64 TBM64 TLI64 TVE64 UFA64 UOW64 UYS64 VIO64 VSK64 WCG64 WMC64 WVY64 Q65600 JM65600 TI65600 ADE65600 ANA65600 AWW65600 BGS65600 BQO65600 CAK65600 CKG65600 CUC65600 DDY65600 DNU65600 DXQ65600 EHM65600 ERI65600 FBE65600 FLA65600 FUW65600 GES65600 GOO65600 GYK65600 HIG65600 HSC65600 IBY65600 ILU65600 IVQ65600 JFM65600 JPI65600 JZE65600 KJA65600 KSW65600 LCS65600 LMO65600 LWK65600 MGG65600 MQC65600 MZY65600 NJU65600 NTQ65600 ODM65600 ONI65600 OXE65600 PHA65600 PQW65600 QAS65600 QKO65600 QUK65600 REG65600 ROC65600 RXY65600 SHU65600 SRQ65600 TBM65600 TLI65600 TVE65600 UFA65600 UOW65600 UYS65600 VIO65600 VSK65600 WCG65600 WMC65600 WVY65600 Q131136 JM131136 TI131136 ADE131136 ANA131136 AWW131136 BGS131136 BQO131136 CAK131136 CKG131136 CUC131136 DDY131136 DNU131136 DXQ131136 EHM131136 ERI131136 FBE131136 FLA131136 FUW131136 GES131136 GOO131136 GYK131136 HIG131136 HSC131136 IBY131136 ILU131136 IVQ131136 JFM131136 JPI131136 JZE131136 KJA131136 KSW131136 LCS131136 LMO131136 LWK131136 MGG131136 MQC131136 MZY131136 NJU131136 NTQ131136 ODM131136 ONI131136 OXE131136 PHA131136 PQW131136 QAS131136 QKO131136 QUK131136 REG131136 ROC131136 RXY131136 SHU131136 SRQ131136 TBM131136 TLI131136 TVE131136 UFA131136 UOW131136 UYS131136 VIO131136 VSK131136 WCG131136 WMC131136 WVY131136 Q196672 JM196672 TI196672 ADE196672 ANA196672 AWW196672 BGS196672 BQO196672 CAK196672 CKG196672 CUC196672 DDY196672 DNU196672 DXQ196672 EHM196672 ERI196672 FBE196672 FLA196672 FUW196672 GES196672 GOO196672 GYK196672 HIG196672 HSC196672 IBY196672 ILU196672 IVQ196672 JFM196672 JPI196672 JZE196672 KJA196672 KSW196672 LCS196672 LMO196672 LWK196672 MGG196672 MQC196672 MZY196672 NJU196672 NTQ196672 ODM196672 ONI196672 OXE196672 PHA196672 PQW196672 QAS196672 QKO196672 QUK196672 REG196672 ROC196672 RXY196672 SHU196672 SRQ196672 TBM196672 TLI196672 TVE196672 UFA196672 UOW196672 UYS196672 VIO196672 VSK196672 WCG196672 WMC196672 WVY196672 Q262208 JM262208 TI262208 ADE262208 ANA262208 AWW262208 BGS262208 BQO262208 CAK262208 CKG262208 CUC262208 DDY262208 DNU262208 DXQ262208 EHM262208 ERI262208 FBE262208 FLA262208 FUW262208 GES262208 GOO262208 GYK262208 HIG262208 HSC262208 IBY262208 ILU262208 IVQ262208 JFM262208 JPI262208 JZE262208 KJA262208 KSW262208 LCS262208 LMO262208 LWK262208 MGG262208 MQC262208 MZY262208 NJU262208 NTQ262208 ODM262208 ONI262208 OXE262208 PHA262208 PQW262208 QAS262208 QKO262208 QUK262208 REG262208 ROC262208 RXY262208 SHU262208 SRQ262208 TBM262208 TLI262208 TVE262208 UFA262208 UOW262208 UYS262208 VIO262208 VSK262208 WCG262208 WMC262208 WVY262208 Q327744 JM327744 TI327744 ADE327744 ANA327744 AWW327744 BGS327744 BQO327744 CAK327744 CKG327744 CUC327744 DDY327744 DNU327744 DXQ327744 EHM327744 ERI327744 FBE327744 FLA327744 FUW327744 GES327744 GOO327744 GYK327744 HIG327744 HSC327744 IBY327744 ILU327744 IVQ327744 JFM327744 JPI327744 JZE327744 KJA327744 KSW327744 LCS327744 LMO327744 LWK327744 MGG327744 MQC327744 MZY327744 NJU327744 NTQ327744 ODM327744 ONI327744 OXE327744 PHA327744 PQW327744 QAS327744 QKO327744 QUK327744 REG327744 ROC327744 RXY327744 SHU327744 SRQ327744 TBM327744 TLI327744 TVE327744 UFA327744 UOW327744 UYS327744 VIO327744 VSK327744 WCG327744 WMC327744 WVY327744 Q393280 JM393280 TI393280 ADE393280 ANA393280 AWW393280 BGS393280 BQO393280 CAK393280 CKG393280 CUC393280 DDY393280 DNU393280 DXQ393280 EHM393280 ERI393280 FBE393280 FLA393280 FUW393280 GES393280 GOO393280 GYK393280 HIG393280 HSC393280 IBY393280 ILU393280 IVQ393280 JFM393280 JPI393280 JZE393280 KJA393280 KSW393280 LCS393280 LMO393280 LWK393280 MGG393280 MQC393280 MZY393280 NJU393280 NTQ393280 ODM393280 ONI393280 OXE393280 PHA393280 PQW393280 QAS393280 QKO393280 QUK393280 REG393280 ROC393280 RXY393280 SHU393280 SRQ393280 TBM393280 TLI393280 TVE393280 UFA393280 UOW393280 UYS393280 VIO393280 VSK393280 WCG393280 WMC393280 WVY393280 Q458816 JM458816 TI458816 ADE458816 ANA458816 AWW458816 BGS458816 BQO458816 CAK458816 CKG458816 CUC458816 DDY458816 DNU458816 DXQ458816 EHM458816 ERI458816 FBE458816 FLA458816 FUW458816 GES458816 GOO458816 GYK458816 HIG458816 HSC458816 IBY458816 ILU458816 IVQ458816 JFM458816 JPI458816 JZE458816 KJA458816 KSW458816 LCS458816 LMO458816 LWK458816 MGG458816 MQC458816 MZY458816 NJU458816 NTQ458816 ODM458816 ONI458816 OXE458816 PHA458816 PQW458816 QAS458816 QKO458816 QUK458816 REG458816 ROC458816 RXY458816 SHU458816 SRQ458816 TBM458816 TLI458816 TVE458816 UFA458816 UOW458816 UYS458816 VIO458816 VSK458816 WCG458816 WMC458816 WVY458816 Q524352 JM524352 TI524352 ADE524352 ANA524352 AWW524352 BGS524352 BQO524352 CAK524352 CKG524352 CUC524352 DDY524352 DNU524352 DXQ524352 EHM524352 ERI524352 FBE524352 FLA524352 FUW524352 GES524352 GOO524352 GYK524352 HIG524352 HSC524352 IBY524352 ILU524352 IVQ524352 JFM524352 JPI524352 JZE524352 KJA524352 KSW524352 LCS524352 LMO524352 LWK524352 MGG524352 MQC524352 MZY524352 NJU524352 NTQ524352 ODM524352 ONI524352 OXE524352 PHA524352 PQW524352 QAS524352 QKO524352 QUK524352 REG524352 ROC524352 RXY524352 SHU524352 SRQ524352 TBM524352 TLI524352 TVE524352 UFA524352 UOW524352 UYS524352 VIO524352 VSK524352 WCG524352 WMC524352 WVY524352 Q589888 JM589888 TI589888 ADE589888 ANA589888 AWW589888 BGS589888 BQO589888 CAK589888 CKG589888 CUC589888 DDY589888 DNU589888 DXQ589888 EHM589888 ERI589888 FBE589888 FLA589888 FUW589888 GES589888 GOO589888 GYK589888 HIG589888 HSC589888 IBY589888 ILU589888 IVQ589888 JFM589888 JPI589888 JZE589888 KJA589888 KSW589888 LCS589888 LMO589888 LWK589888 MGG589888 MQC589888 MZY589888 NJU589888 NTQ589888 ODM589888 ONI589888 OXE589888 PHA589888 PQW589888 QAS589888 QKO589888 QUK589888 REG589888 ROC589888 RXY589888 SHU589888 SRQ589888 TBM589888 TLI589888 TVE589888 UFA589888 UOW589888 UYS589888 VIO589888 VSK589888 WCG589888 WMC589888 WVY589888 Q655424 JM655424 TI655424 ADE655424 ANA655424 AWW655424 BGS655424 BQO655424 CAK655424 CKG655424 CUC655424 DDY655424 DNU655424 DXQ655424 EHM655424 ERI655424 FBE655424 FLA655424 FUW655424 GES655424 GOO655424 GYK655424 HIG655424 HSC655424 IBY655424 ILU655424 IVQ655424 JFM655424 JPI655424 JZE655424 KJA655424 KSW655424 LCS655424 LMO655424 LWK655424 MGG655424 MQC655424 MZY655424 NJU655424 NTQ655424 ODM655424 ONI655424 OXE655424 PHA655424 PQW655424 QAS655424 QKO655424 QUK655424 REG655424 ROC655424 RXY655424 SHU655424 SRQ655424 TBM655424 TLI655424 TVE655424 UFA655424 UOW655424 UYS655424 VIO655424 VSK655424 WCG655424 WMC655424 WVY655424 Q720960 JM720960 TI720960 ADE720960 ANA720960 AWW720960 BGS720960 BQO720960 CAK720960 CKG720960 CUC720960 DDY720960 DNU720960 DXQ720960 EHM720960 ERI720960 FBE720960 FLA720960 FUW720960 GES720960 GOO720960 GYK720960 HIG720960 HSC720960 IBY720960 ILU720960 IVQ720960 JFM720960 JPI720960 JZE720960 KJA720960 KSW720960 LCS720960 LMO720960 LWK720960 MGG720960 MQC720960 MZY720960 NJU720960 NTQ720960 ODM720960 ONI720960 OXE720960 PHA720960 PQW720960 QAS720960 QKO720960 QUK720960 REG720960 ROC720960 RXY720960 SHU720960 SRQ720960 TBM720960 TLI720960 TVE720960 UFA720960 UOW720960 UYS720960 VIO720960 VSK720960 WCG720960 WMC720960 WVY720960 Q786496 JM786496 TI786496 ADE786496 ANA786496 AWW786496 BGS786496 BQO786496 CAK786496 CKG786496 CUC786496 DDY786496 DNU786496 DXQ786496 EHM786496 ERI786496 FBE786496 FLA786496 FUW786496 GES786496 GOO786496 GYK786496 HIG786496 HSC786496 IBY786496 ILU786496 IVQ786496 JFM786496 JPI786496 JZE786496 KJA786496 KSW786496 LCS786496 LMO786496 LWK786496 MGG786496 MQC786496 MZY786496 NJU786496 NTQ786496 ODM786496 ONI786496 OXE786496 PHA786496 PQW786496 QAS786496 QKO786496 QUK786496 REG786496 ROC786496 RXY786496 SHU786496 SRQ786496 TBM786496 TLI786496 TVE786496 UFA786496 UOW786496 UYS786496 VIO786496 VSK786496 WCG786496 WMC786496 WVY786496 Q852032 JM852032 TI852032 ADE852032 ANA852032 AWW852032 BGS852032 BQO852032 CAK852032 CKG852032 CUC852032 DDY852032 DNU852032 DXQ852032 EHM852032 ERI852032 FBE852032 FLA852032 FUW852032 GES852032 GOO852032 GYK852032 HIG852032 HSC852032 IBY852032 ILU852032 IVQ852032 JFM852032 JPI852032 JZE852032 KJA852032 KSW852032 LCS852032 LMO852032 LWK852032 MGG852032 MQC852032 MZY852032 NJU852032 NTQ852032 ODM852032 ONI852032 OXE852032 PHA852032 PQW852032 QAS852032 QKO852032 QUK852032 REG852032 ROC852032 RXY852032 SHU852032 SRQ852032 TBM852032 TLI852032 TVE852032 UFA852032 UOW852032 UYS852032 VIO852032 VSK852032 WCG852032 WMC852032 WVY852032 Q917568 JM917568 TI917568 ADE917568 ANA917568 AWW917568 BGS917568 BQO917568 CAK917568 CKG917568 CUC917568 DDY917568 DNU917568 DXQ917568 EHM917568 ERI917568 FBE917568 FLA917568 FUW917568 GES917568 GOO917568 GYK917568 HIG917568 HSC917568 IBY917568 ILU917568 IVQ917568 JFM917568 JPI917568 JZE917568 KJA917568 KSW917568 LCS917568 LMO917568 LWK917568 MGG917568 MQC917568 MZY917568 NJU917568 NTQ917568 ODM917568 ONI917568 OXE917568 PHA917568 PQW917568 QAS917568 QKO917568 QUK917568 REG917568 ROC917568 RXY917568 SHU917568 SRQ917568 TBM917568 TLI917568 TVE917568 UFA917568 UOW917568 UYS917568 VIO917568 VSK917568 WCG917568 WMC917568 WVY917568 Q983104 JM983104 TI983104 ADE983104 ANA983104 AWW983104 BGS983104 BQO983104 CAK983104 CKG983104 CUC983104 DDY983104 DNU983104 DXQ983104 EHM983104 ERI983104 FBE983104 FLA983104 FUW983104 GES983104 GOO983104 GYK983104 HIG983104 HSC983104 IBY983104 ILU983104 IVQ983104 JFM983104 JPI983104 JZE983104 KJA983104 KSW983104 LCS983104 LMO983104 LWK983104 MGG983104 MQC983104 MZY983104 NJU983104 NTQ983104 ODM983104 ONI983104 OXE983104 PHA983104 PQW983104 QAS983104 QKO983104 QUK983104 REG983104 ROC983104 RXY983104 SHU983104 SRQ983104 TBM983104 TLI983104 TVE983104 UFA983104 UOW983104 UYS983104 VIO983104 VSK983104 WCG983104 WMC983104 WVY983104 Q66 JM66 TI66 ADE66 ANA66 AWW66 BGS66 BQO66 CAK66 CKG66 CUC66 DDY66 DNU66 DXQ66 EHM66 ERI66 FBE66 FLA66 FUW66 GES66 GOO66 GYK66 HIG66 HSC66 IBY66 ILU66 IVQ66 JFM66 JPI66 JZE66 KJA66 KSW66 LCS66 LMO66 LWK66 MGG66 MQC66 MZY66 NJU66 NTQ66 ODM66 ONI66 OXE66 PHA66 PQW66 QAS66 QKO66 QUK66 REG66 ROC66 RXY66 SHU66 SRQ66 TBM66 TLI66 TVE66 UFA66 UOW66 UYS66 VIO66 VSK66 WCG66 WMC66 WVY66 Q65602 JM65602 TI65602 ADE65602 ANA65602 AWW65602 BGS65602 BQO65602 CAK65602 CKG65602 CUC65602 DDY65602 DNU65602 DXQ65602 EHM65602 ERI65602 FBE65602 FLA65602 FUW65602 GES65602 GOO65602 GYK65602 HIG65602 HSC65602 IBY65602 ILU65602 IVQ65602 JFM65602 JPI65602 JZE65602 KJA65602 KSW65602 LCS65602 LMO65602 LWK65602 MGG65602 MQC65602 MZY65602 NJU65602 NTQ65602 ODM65602 ONI65602 OXE65602 PHA65602 PQW65602 QAS65602 QKO65602 QUK65602 REG65602 ROC65602 RXY65602 SHU65602 SRQ65602 TBM65602 TLI65602 TVE65602 UFA65602 UOW65602 UYS65602 VIO65602 VSK65602 WCG65602 WMC65602 WVY65602 Q131138 JM131138 TI131138 ADE131138 ANA131138 AWW131138 BGS131138 BQO131138 CAK131138 CKG131138 CUC131138 DDY131138 DNU131138 DXQ131138 EHM131138 ERI131138 FBE131138 FLA131138 FUW131138 GES131138 GOO131138 GYK131138 HIG131138 HSC131138 IBY131138 ILU131138 IVQ131138 JFM131138 JPI131138 JZE131138 KJA131138 KSW131138 LCS131138 LMO131138 LWK131138 MGG131138 MQC131138 MZY131138 NJU131138 NTQ131138 ODM131138 ONI131138 OXE131138 PHA131138 PQW131138 QAS131138 QKO131138 QUK131138 REG131138 ROC131138 RXY131138 SHU131138 SRQ131138 TBM131138 TLI131138 TVE131138 UFA131138 UOW131138 UYS131138 VIO131138 VSK131138 WCG131138 WMC131138 WVY131138 Q196674 JM196674 TI196674 ADE196674 ANA196674 AWW196674 BGS196674 BQO196674 CAK196674 CKG196674 CUC196674 DDY196674 DNU196674 DXQ196674 EHM196674 ERI196674 FBE196674 FLA196674 FUW196674 GES196674 GOO196674 GYK196674 HIG196674 HSC196674 IBY196674 ILU196674 IVQ196674 JFM196674 JPI196674 JZE196674 KJA196674 KSW196674 LCS196674 LMO196674 LWK196674 MGG196674 MQC196674 MZY196674 NJU196674 NTQ196674 ODM196674 ONI196674 OXE196674 PHA196674 PQW196674 QAS196674 QKO196674 QUK196674 REG196674 ROC196674 RXY196674 SHU196674 SRQ196674 TBM196674 TLI196674 TVE196674 UFA196674 UOW196674 UYS196674 VIO196674 VSK196674 WCG196674 WMC196674 WVY196674 Q262210 JM262210 TI262210 ADE262210 ANA262210 AWW262210 BGS262210 BQO262210 CAK262210 CKG262210 CUC262210 DDY262210 DNU262210 DXQ262210 EHM262210 ERI262210 FBE262210 FLA262210 FUW262210 GES262210 GOO262210 GYK262210 HIG262210 HSC262210 IBY262210 ILU262210 IVQ262210 JFM262210 JPI262210 JZE262210 KJA262210 KSW262210 LCS262210 LMO262210 LWK262210 MGG262210 MQC262210 MZY262210 NJU262210 NTQ262210 ODM262210 ONI262210 OXE262210 PHA262210 PQW262210 QAS262210 QKO262210 QUK262210 REG262210 ROC262210 RXY262210 SHU262210 SRQ262210 TBM262210 TLI262210 TVE262210 UFA262210 UOW262210 UYS262210 VIO262210 VSK262210 WCG262210 WMC262210 WVY262210 Q327746 JM327746 TI327746 ADE327746 ANA327746 AWW327746 BGS327746 BQO327746 CAK327746 CKG327746 CUC327746 DDY327746 DNU327746 DXQ327746 EHM327746 ERI327746 FBE327746 FLA327746 FUW327746 GES327746 GOO327746 GYK327746 HIG327746 HSC327746 IBY327746 ILU327746 IVQ327746 JFM327746 JPI327746 JZE327746 KJA327746 KSW327746 LCS327746 LMO327746 LWK327746 MGG327746 MQC327746 MZY327746 NJU327746 NTQ327746 ODM327746 ONI327746 OXE327746 PHA327746 PQW327746 QAS327746 QKO327746 QUK327746 REG327746 ROC327746 RXY327746 SHU327746 SRQ327746 TBM327746 TLI327746 TVE327746 UFA327746 UOW327746 UYS327746 VIO327746 VSK327746 WCG327746 WMC327746 WVY327746 Q393282 JM393282 TI393282 ADE393282 ANA393282 AWW393282 BGS393282 BQO393282 CAK393282 CKG393282 CUC393282 DDY393282 DNU393282 DXQ393282 EHM393282 ERI393282 FBE393282 FLA393282 FUW393282 GES393282 GOO393282 GYK393282 HIG393282 HSC393282 IBY393282 ILU393282 IVQ393282 JFM393282 JPI393282 JZE393282 KJA393282 KSW393282 LCS393282 LMO393282 LWK393282 MGG393282 MQC393282 MZY393282 NJU393282 NTQ393282 ODM393282 ONI393282 OXE393282 PHA393282 PQW393282 QAS393282 QKO393282 QUK393282 REG393282 ROC393282 RXY393282 SHU393282 SRQ393282 TBM393282 TLI393282 TVE393282 UFA393282 UOW393282 UYS393282 VIO393282 VSK393282 WCG393282 WMC393282 WVY393282 Q458818 JM458818 TI458818 ADE458818 ANA458818 AWW458818 BGS458818 BQO458818 CAK458818 CKG458818 CUC458818 DDY458818 DNU458818 DXQ458818 EHM458818 ERI458818 FBE458818 FLA458818 FUW458818 GES458818 GOO458818 GYK458818 HIG458818 HSC458818 IBY458818 ILU458818 IVQ458818 JFM458818 JPI458818 JZE458818 KJA458818 KSW458818 LCS458818 LMO458818 LWK458818 MGG458818 MQC458818 MZY458818 NJU458818 NTQ458818 ODM458818 ONI458818 OXE458818 PHA458818 PQW458818 QAS458818 QKO458818 QUK458818 REG458818 ROC458818 RXY458818 SHU458818 SRQ458818 TBM458818 TLI458818 TVE458818 UFA458818 UOW458818 UYS458818 VIO458818 VSK458818 WCG458818 WMC458818 WVY458818 Q524354 JM524354 TI524354 ADE524354 ANA524354 AWW524354 BGS524354 BQO524354 CAK524354 CKG524354 CUC524354 DDY524354 DNU524354 DXQ524354 EHM524354 ERI524354 FBE524354 FLA524354 FUW524354 GES524354 GOO524354 GYK524354 HIG524354 HSC524354 IBY524354 ILU524354 IVQ524354 JFM524354 JPI524354 JZE524354 KJA524354 KSW524354 LCS524354 LMO524354 LWK524354 MGG524354 MQC524354 MZY524354 NJU524354 NTQ524354 ODM524354 ONI524354 OXE524354 PHA524354 PQW524354 QAS524354 QKO524354 QUK524354 REG524354 ROC524354 RXY524354 SHU524354 SRQ524354 TBM524354 TLI524354 TVE524354 UFA524354 UOW524354 UYS524354 VIO524354 VSK524354 WCG524354 WMC524354 WVY524354 Q589890 JM589890 TI589890 ADE589890 ANA589890 AWW589890 BGS589890 BQO589890 CAK589890 CKG589890 CUC589890 DDY589890 DNU589890 DXQ589890 EHM589890 ERI589890 FBE589890 FLA589890 FUW589890 GES589890 GOO589890 GYK589890 HIG589890 HSC589890 IBY589890 ILU589890 IVQ589890 JFM589890 JPI589890 JZE589890 KJA589890 KSW589890 LCS589890 LMO589890 LWK589890 MGG589890 MQC589890 MZY589890 NJU589890 NTQ589890 ODM589890 ONI589890 OXE589890 PHA589890 PQW589890 QAS589890 QKO589890 QUK589890 REG589890 ROC589890 RXY589890 SHU589890 SRQ589890 TBM589890 TLI589890 TVE589890 UFA589890 UOW589890 UYS589890 VIO589890 VSK589890 WCG589890 WMC589890 WVY589890 Q655426 JM655426 TI655426 ADE655426 ANA655426 AWW655426 BGS655426 BQO655426 CAK655426 CKG655426 CUC655426 DDY655426 DNU655426 DXQ655426 EHM655426 ERI655426 FBE655426 FLA655426 FUW655426 GES655426 GOO655426 GYK655426 HIG655426 HSC655426 IBY655426 ILU655426 IVQ655426 JFM655426 JPI655426 JZE655426 KJA655426 KSW655426 LCS655426 LMO655426 LWK655426 MGG655426 MQC655426 MZY655426 NJU655426 NTQ655426 ODM655426 ONI655426 OXE655426 PHA655426 PQW655426 QAS655426 QKO655426 QUK655426 REG655426 ROC655426 RXY655426 SHU655426 SRQ655426 TBM655426 TLI655426 TVE655426 UFA655426 UOW655426 UYS655426 VIO655426 VSK655426 WCG655426 WMC655426 WVY655426 Q720962 JM720962 TI720962 ADE720962 ANA720962 AWW720962 BGS720962 BQO720962 CAK720962 CKG720962 CUC720962 DDY720962 DNU720962 DXQ720962 EHM720962 ERI720962 FBE720962 FLA720962 FUW720962 GES720962 GOO720962 GYK720962 HIG720962 HSC720962 IBY720962 ILU720962 IVQ720962 JFM720962 JPI720962 JZE720962 KJA720962 KSW720962 LCS720962 LMO720962 LWK720962 MGG720962 MQC720962 MZY720962 NJU720962 NTQ720962 ODM720962 ONI720962 OXE720962 PHA720962 PQW720962 QAS720962 QKO720962 QUK720962 REG720962 ROC720962 RXY720962 SHU720962 SRQ720962 TBM720962 TLI720962 TVE720962 UFA720962 UOW720962 UYS720962 VIO720962 VSK720962 WCG720962 WMC720962 WVY720962 Q786498 JM786498 TI786498 ADE786498 ANA786498 AWW786498 BGS786498 BQO786498 CAK786498 CKG786498 CUC786498 DDY786498 DNU786498 DXQ786498 EHM786498 ERI786498 FBE786498 FLA786498 FUW786498 GES786498 GOO786498 GYK786498 HIG786498 HSC786498 IBY786498 ILU786498 IVQ786498 JFM786498 JPI786498 JZE786498 KJA786498 KSW786498 LCS786498 LMO786498 LWK786498 MGG786498 MQC786498 MZY786498 NJU786498 NTQ786498 ODM786498 ONI786498 OXE786498 PHA786498 PQW786498 QAS786498 QKO786498 QUK786498 REG786498 ROC786498 RXY786498 SHU786498 SRQ786498 TBM786498 TLI786498 TVE786498 UFA786498 UOW786498 UYS786498 VIO786498 VSK786498 WCG786498 WMC786498 WVY786498 Q852034 JM852034 TI852034 ADE852034 ANA852034 AWW852034 BGS852034 BQO852034 CAK852034 CKG852034 CUC852034 DDY852034 DNU852034 DXQ852034 EHM852034 ERI852034 FBE852034 FLA852034 FUW852034 GES852034 GOO852034 GYK852034 HIG852034 HSC852034 IBY852034 ILU852034 IVQ852034 JFM852034 JPI852034 JZE852034 KJA852034 KSW852034 LCS852034 LMO852034 LWK852034 MGG852034 MQC852034 MZY852034 NJU852034 NTQ852034 ODM852034 ONI852034 OXE852034 PHA852034 PQW852034 QAS852034 QKO852034 QUK852034 REG852034 ROC852034 RXY852034 SHU852034 SRQ852034 TBM852034 TLI852034 TVE852034 UFA852034 UOW852034 UYS852034 VIO852034 VSK852034 WCG852034 WMC852034 WVY852034 Q917570 JM917570 TI917570 ADE917570 ANA917570 AWW917570 BGS917570 BQO917570 CAK917570 CKG917570 CUC917570 DDY917570 DNU917570 DXQ917570 EHM917570 ERI917570 FBE917570 FLA917570 FUW917570 GES917570 GOO917570 GYK917570 HIG917570 HSC917570 IBY917570 ILU917570 IVQ917570 JFM917570 JPI917570 JZE917570 KJA917570 KSW917570 LCS917570 LMO917570 LWK917570 MGG917570 MQC917570 MZY917570 NJU917570 NTQ917570 ODM917570 ONI917570 OXE917570 PHA917570 PQW917570 QAS917570 QKO917570 QUK917570 REG917570 ROC917570 RXY917570 SHU917570 SRQ917570 TBM917570 TLI917570 TVE917570 UFA917570 UOW917570 UYS917570 VIO917570 VSK917570 WCG917570 WMC917570 WVY917570 Q983106 JM983106 TI983106 ADE983106 ANA983106 AWW983106 BGS983106 BQO983106 CAK983106 CKG983106 CUC983106 DDY983106 DNU983106 DXQ983106 EHM983106 ERI983106 FBE983106 FLA983106 FUW983106 GES983106 GOO983106 GYK983106 HIG983106 HSC983106 IBY983106 ILU983106 IVQ983106 JFM983106 JPI983106 JZE983106 KJA983106 KSW983106 LCS983106 LMO983106 LWK983106 MGG983106 MQC983106 MZY983106 NJU983106 NTQ983106 ODM983106 ONI983106 OXE983106 PHA983106 PQW983106 QAS983106 QKO983106 QUK983106 REG983106 ROC983106 RXY983106 SHU983106 SRQ983106 TBM983106 TLI983106 TVE983106 UFA983106 UOW983106 UYS983106 VIO983106 VSK983106 WCG983106 WMC983106 WVY983106" xr:uid="{00000000-0002-0000-0100-000006000000}"/>
    <dataValidation errorStyle="warning" imeMode="halfAlpha" allowBlank="1" showInputMessage="1" errorTitle="ＪＡＮコードを確認してください" promptTitle="JANコード" prompt="JANコードはバーコード（JANシンボル）として商品などに表示されるもの。使用するには申請が必要です。" sqref="V15:AB16 JR15:JX16 TN15:TT16 ADJ15:ADP16 ANF15:ANL16 AXB15:AXH16 BGX15:BHD16 BQT15:BQZ16 CAP15:CAV16 CKL15:CKR16 CUH15:CUN16 DED15:DEJ16 DNZ15:DOF16 DXV15:DYB16 EHR15:EHX16 ERN15:ERT16 FBJ15:FBP16 FLF15:FLL16 FVB15:FVH16 GEX15:GFD16 GOT15:GOZ16 GYP15:GYV16 HIL15:HIR16 HSH15:HSN16 ICD15:ICJ16 ILZ15:IMF16 IVV15:IWB16 JFR15:JFX16 JPN15:JPT16 JZJ15:JZP16 KJF15:KJL16 KTB15:KTH16 LCX15:LDD16 LMT15:LMZ16 LWP15:LWV16 MGL15:MGR16 MQH15:MQN16 NAD15:NAJ16 NJZ15:NKF16 NTV15:NUB16 ODR15:ODX16 ONN15:ONT16 OXJ15:OXP16 PHF15:PHL16 PRB15:PRH16 QAX15:QBD16 QKT15:QKZ16 QUP15:QUV16 REL15:RER16 ROH15:RON16 RYD15:RYJ16 SHZ15:SIF16 SRV15:SSB16 TBR15:TBX16 TLN15:TLT16 TVJ15:TVP16 UFF15:UFL16 UPB15:UPH16 UYX15:UZD16 VIT15:VIZ16 VSP15:VSV16 WCL15:WCR16 WMH15:WMN16 WWD15:WWJ16 V65551:AB65552 JR65551:JX65552 TN65551:TT65552 ADJ65551:ADP65552 ANF65551:ANL65552 AXB65551:AXH65552 BGX65551:BHD65552 BQT65551:BQZ65552 CAP65551:CAV65552 CKL65551:CKR65552 CUH65551:CUN65552 DED65551:DEJ65552 DNZ65551:DOF65552 DXV65551:DYB65552 EHR65551:EHX65552 ERN65551:ERT65552 FBJ65551:FBP65552 FLF65551:FLL65552 FVB65551:FVH65552 GEX65551:GFD65552 GOT65551:GOZ65552 GYP65551:GYV65552 HIL65551:HIR65552 HSH65551:HSN65552 ICD65551:ICJ65552 ILZ65551:IMF65552 IVV65551:IWB65552 JFR65551:JFX65552 JPN65551:JPT65552 JZJ65551:JZP65552 KJF65551:KJL65552 KTB65551:KTH65552 LCX65551:LDD65552 LMT65551:LMZ65552 LWP65551:LWV65552 MGL65551:MGR65552 MQH65551:MQN65552 NAD65551:NAJ65552 NJZ65551:NKF65552 NTV65551:NUB65552 ODR65551:ODX65552 ONN65551:ONT65552 OXJ65551:OXP65552 PHF65551:PHL65552 PRB65551:PRH65552 QAX65551:QBD65552 QKT65551:QKZ65552 QUP65551:QUV65552 REL65551:RER65552 ROH65551:RON65552 RYD65551:RYJ65552 SHZ65551:SIF65552 SRV65551:SSB65552 TBR65551:TBX65552 TLN65551:TLT65552 TVJ65551:TVP65552 UFF65551:UFL65552 UPB65551:UPH65552 UYX65551:UZD65552 VIT65551:VIZ65552 VSP65551:VSV65552 WCL65551:WCR65552 WMH65551:WMN65552 WWD65551:WWJ65552 V131087:AB131088 JR131087:JX131088 TN131087:TT131088 ADJ131087:ADP131088 ANF131087:ANL131088 AXB131087:AXH131088 BGX131087:BHD131088 BQT131087:BQZ131088 CAP131087:CAV131088 CKL131087:CKR131088 CUH131087:CUN131088 DED131087:DEJ131088 DNZ131087:DOF131088 DXV131087:DYB131088 EHR131087:EHX131088 ERN131087:ERT131088 FBJ131087:FBP131088 FLF131087:FLL131088 FVB131087:FVH131088 GEX131087:GFD131088 GOT131087:GOZ131088 GYP131087:GYV131088 HIL131087:HIR131088 HSH131087:HSN131088 ICD131087:ICJ131088 ILZ131087:IMF131088 IVV131087:IWB131088 JFR131087:JFX131088 JPN131087:JPT131088 JZJ131087:JZP131088 KJF131087:KJL131088 KTB131087:KTH131088 LCX131087:LDD131088 LMT131087:LMZ131088 LWP131087:LWV131088 MGL131087:MGR131088 MQH131087:MQN131088 NAD131087:NAJ131088 NJZ131087:NKF131088 NTV131087:NUB131088 ODR131087:ODX131088 ONN131087:ONT131088 OXJ131087:OXP131088 PHF131087:PHL131088 PRB131087:PRH131088 QAX131087:QBD131088 QKT131087:QKZ131088 QUP131087:QUV131088 REL131087:RER131088 ROH131087:RON131088 RYD131087:RYJ131088 SHZ131087:SIF131088 SRV131087:SSB131088 TBR131087:TBX131088 TLN131087:TLT131088 TVJ131087:TVP131088 UFF131087:UFL131088 UPB131087:UPH131088 UYX131087:UZD131088 VIT131087:VIZ131088 VSP131087:VSV131088 WCL131087:WCR131088 WMH131087:WMN131088 WWD131087:WWJ131088 V196623:AB196624 JR196623:JX196624 TN196623:TT196624 ADJ196623:ADP196624 ANF196623:ANL196624 AXB196623:AXH196624 BGX196623:BHD196624 BQT196623:BQZ196624 CAP196623:CAV196624 CKL196623:CKR196624 CUH196623:CUN196624 DED196623:DEJ196624 DNZ196623:DOF196624 DXV196623:DYB196624 EHR196623:EHX196624 ERN196623:ERT196624 FBJ196623:FBP196624 FLF196623:FLL196624 FVB196623:FVH196624 GEX196623:GFD196624 GOT196623:GOZ196624 GYP196623:GYV196624 HIL196623:HIR196624 HSH196623:HSN196624 ICD196623:ICJ196624 ILZ196623:IMF196624 IVV196623:IWB196624 JFR196623:JFX196624 JPN196623:JPT196624 JZJ196623:JZP196624 KJF196623:KJL196624 KTB196623:KTH196624 LCX196623:LDD196624 LMT196623:LMZ196624 LWP196623:LWV196624 MGL196623:MGR196624 MQH196623:MQN196624 NAD196623:NAJ196624 NJZ196623:NKF196624 NTV196623:NUB196624 ODR196623:ODX196624 ONN196623:ONT196624 OXJ196623:OXP196624 PHF196623:PHL196624 PRB196623:PRH196624 QAX196623:QBD196624 QKT196623:QKZ196624 QUP196623:QUV196624 REL196623:RER196624 ROH196623:RON196624 RYD196623:RYJ196624 SHZ196623:SIF196624 SRV196623:SSB196624 TBR196623:TBX196624 TLN196623:TLT196624 TVJ196623:TVP196624 UFF196623:UFL196624 UPB196623:UPH196624 UYX196623:UZD196624 VIT196623:VIZ196624 VSP196623:VSV196624 WCL196623:WCR196624 WMH196623:WMN196624 WWD196623:WWJ196624 V262159:AB262160 JR262159:JX262160 TN262159:TT262160 ADJ262159:ADP262160 ANF262159:ANL262160 AXB262159:AXH262160 BGX262159:BHD262160 BQT262159:BQZ262160 CAP262159:CAV262160 CKL262159:CKR262160 CUH262159:CUN262160 DED262159:DEJ262160 DNZ262159:DOF262160 DXV262159:DYB262160 EHR262159:EHX262160 ERN262159:ERT262160 FBJ262159:FBP262160 FLF262159:FLL262160 FVB262159:FVH262160 GEX262159:GFD262160 GOT262159:GOZ262160 GYP262159:GYV262160 HIL262159:HIR262160 HSH262159:HSN262160 ICD262159:ICJ262160 ILZ262159:IMF262160 IVV262159:IWB262160 JFR262159:JFX262160 JPN262159:JPT262160 JZJ262159:JZP262160 KJF262159:KJL262160 KTB262159:KTH262160 LCX262159:LDD262160 LMT262159:LMZ262160 LWP262159:LWV262160 MGL262159:MGR262160 MQH262159:MQN262160 NAD262159:NAJ262160 NJZ262159:NKF262160 NTV262159:NUB262160 ODR262159:ODX262160 ONN262159:ONT262160 OXJ262159:OXP262160 PHF262159:PHL262160 PRB262159:PRH262160 QAX262159:QBD262160 QKT262159:QKZ262160 QUP262159:QUV262160 REL262159:RER262160 ROH262159:RON262160 RYD262159:RYJ262160 SHZ262159:SIF262160 SRV262159:SSB262160 TBR262159:TBX262160 TLN262159:TLT262160 TVJ262159:TVP262160 UFF262159:UFL262160 UPB262159:UPH262160 UYX262159:UZD262160 VIT262159:VIZ262160 VSP262159:VSV262160 WCL262159:WCR262160 WMH262159:WMN262160 WWD262159:WWJ262160 V327695:AB327696 JR327695:JX327696 TN327695:TT327696 ADJ327695:ADP327696 ANF327695:ANL327696 AXB327695:AXH327696 BGX327695:BHD327696 BQT327695:BQZ327696 CAP327695:CAV327696 CKL327695:CKR327696 CUH327695:CUN327696 DED327695:DEJ327696 DNZ327695:DOF327696 DXV327695:DYB327696 EHR327695:EHX327696 ERN327695:ERT327696 FBJ327695:FBP327696 FLF327695:FLL327696 FVB327695:FVH327696 GEX327695:GFD327696 GOT327695:GOZ327696 GYP327695:GYV327696 HIL327695:HIR327696 HSH327695:HSN327696 ICD327695:ICJ327696 ILZ327695:IMF327696 IVV327695:IWB327696 JFR327695:JFX327696 JPN327695:JPT327696 JZJ327695:JZP327696 KJF327695:KJL327696 KTB327695:KTH327696 LCX327695:LDD327696 LMT327695:LMZ327696 LWP327695:LWV327696 MGL327695:MGR327696 MQH327695:MQN327696 NAD327695:NAJ327696 NJZ327695:NKF327696 NTV327695:NUB327696 ODR327695:ODX327696 ONN327695:ONT327696 OXJ327695:OXP327696 PHF327695:PHL327696 PRB327695:PRH327696 QAX327695:QBD327696 QKT327695:QKZ327696 QUP327695:QUV327696 REL327695:RER327696 ROH327695:RON327696 RYD327695:RYJ327696 SHZ327695:SIF327696 SRV327695:SSB327696 TBR327695:TBX327696 TLN327695:TLT327696 TVJ327695:TVP327696 UFF327695:UFL327696 UPB327695:UPH327696 UYX327695:UZD327696 VIT327695:VIZ327696 VSP327695:VSV327696 WCL327695:WCR327696 WMH327695:WMN327696 WWD327695:WWJ327696 V393231:AB393232 JR393231:JX393232 TN393231:TT393232 ADJ393231:ADP393232 ANF393231:ANL393232 AXB393231:AXH393232 BGX393231:BHD393232 BQT393231:BQZ393232 CAP393231:CAV393232 CKL393231:CKR393232 CUH393231:CUN393232 DED393231:DEJ393232 DNZ393231:DOF393232 DXV393231:DYB393232 EHR393231:EHX393232 ERN393231:ERT393232 FBJ393231:FBP393232 FLF393231:FLL393232 FVB393231:FVH393232 GEX393231:GFD393232 GOT393231:GOZ393232 GYP393231:GYV393232 HIL393231:HIR393232 HSH393231:HSN393232 ICD393231:ICJ393232 ILZ393231:IMF393232 IVV393231:IWB393232 JFR393231:JFX393232 JPN393231:JPT393232 JZJ393231:JZP393232 KJF393231:KJL393232 KTB393231:KTH393232 LCX393231:LDD393232 LMT393231:LMZ393232 LWP393231:LWV393232 MGL393231:MGR393232 MQH393231:MQN393232 NAD393231:NAJ393232 NJZ393231:NKF393232 NTV393231:NUB393232 ODR393231:ODX393232 ONN393231:ONT393232 OXJ393231:OXP393232 PHF393231:PHL393232 PRB393231:PRH393232 QAX393231:QBD393232 QKT393231:QKZ393232 QUP393231:QUV393232 REL393231:RER393232 ROH393231:RON393232 RYD393231:RYJ393232 SHZ393231:SIF393232 SRV393231:SSB393232 TBR393231:TBX393232 TLN393231:TLT393232 TVJ393231:TVP393232 UFF393231:UFL393232 UPB393231:UPH393232 UYX393231:UZD393232 VIT393231:VIZ393232 VSP393231:VSV393232 WCL393231:WCR393232 WMH393231:WMN393232 WWD393231:WWJ393232 V458767:AB458768 JR458767:JX458768 TN458767:TT458768 ADJ458767:ADP458768 ANF458767:ANL458768 AXB458767:AXH458768 BGX458767:BHD458768 BQT458767:BQZ458768 CAP458767:CAV458768 CKL458767:CKR458768 CUH458767:CUN458768 DED458767:DEJ458768 DNZ458767:DOF458768 DXV458767:DYB458768 EHR458767:EHX458768 ERN458767:ERT458768 FBJ458767:FBP458768 FLF458767:FLL458768 FVB458767:FVH458768 GEX458767:GFD458768 GOT458767:GOZ458768 GYP458767:GYV458768 HIL458767:HIR458768 HSH458767:HSN458768 ICD458767:ICJ458768 ILZ458767:IMF458768 IVV458767:IWB458768 JFR458767:JFX458768 JPN458767:JPT458768 JZJ458767:JZP458768 KJF458767:KJL458768 KTB458767:KTH458768 LCX458767:LDD458768 LMT458767:LMZ458768 LWP458767:LWV458768 MGL458767:MGR458768 MQH458767:MQN458768 NAD458767:NAJ458768 NJZ458767:NKF458768 NTV458767:NUB458768 ODR458767:ODX458768 ONN458767:ONT458768 OXJ458767:OXP458768 PHF458767:PHL458768 PRB458767:PRH458768 QAX458767:QBD458768 QKT458767:QKZ458768 QUP458767:QUV458768 REL458767:RER458768 ROH458767:RON458768 RYD458767:RYJ458768 SHZ458767:SIF458768 SRV458767:SSB458768 TBR458767:TBX458768 TLN458767:TLT458768 TVJ458767:TVP458768 UFF458767:UFL458768 UPB458767:UPH458768 UYX458767:UZD458768 VIT458767:VIZ458768 VSP458767:VSV458768 WCL458767:WCR458768 WMH458767:WMN458768 WWD458767:WWJ458768 V524303:AB524304 JR524303:JX524304 TN524303:TT524304 ADJ524303:ADP524304 ANF524303:ANL524304 AXB524303:AXH524304 BGX524303:BHD524304 BQT524303:BQZ524304 CAP524303:CAV524304 CKL524303:CKR524304 CUH524303:CUN524304 DED524303:DEJ524304 DNZ524303:DOF524304 DXV524303:DYB524304 EHR524303:EHX524304 ERN524303:ERT524304 FBJ524303:FBP524304 FLF524303:FLL524304 FVB524303:FVH524304 GEX524303:GFD524304 GOT524303:GOZ524304 GYP524303:GYV524304 HIL524303:HIR524304 HSH524303:HSN524304 ICD524303:ICJ524304 ILZ524303:IMF524304 IVV524303:IWB524304 JFR524303:JFX524304 JPN524303:JPT524304 JZJ524303:JZP524304 KJF524303:KJL524304 KTB524303:KTH524304 LCX524303:LDD524304 LMT524303:LMZ524304 LWP524303:LWV524304 MGL524303:MGR524304 MQH524303:MQN524304 NAD524303:NAJ524304 NJZ524303:NKF524304 NTV524303:NUB524304 ODR524303:ODX524304 ONN524303:ONT524304 OXJ524303:OXP524304 PHF524303:PHL524304 PRB524303:PRH524304 QAX524303:QBD524304 QKT524303:QKZ524304 QUP524303:QUV524304 REL524303:RER524304 ROH524303:RON524304 RYD524303:RYJ524304 SHZ524303:SIF524304 SRV524303:SSB524304 TBR524303:TBX524304 TLN524303:TLT524304 TVJ524303:TVP524304 UFF524303:UFL524304 UPB524303:UPH524304 UYX524303:UZD524304 VIT524303:VIZ524304 VSP524303:VSV524304 WCL524303:WCR524304 WMH524303:WMN524304 WWD524303:WWJ524304 V589839:AB589840 JR589839:JX589840 TN589839:TT589840 ADJ589839:ADP589840 ANF589839:ANL589840 AXB589839:AXH589840 BGX589839:BHD589840 BQT589839:BQZ589840 CAP589839:CAV589840 CKL589839:CKR589840 CUH589839:CUN589840 DED589839:DEJ589840 DNZ589839:DOF589840 DXV589839:DYB589840 EHR589839:EHX589840 ERN589839:ERT589840 FBJ589839:FBP589840 FLF589839:FLL589840 FVB589839:FVH589840 GEX589839:GFD589840 GOT589839:GOZ589840 GYP589839:GYV589840 HIL589839:HIR589840 HSH589839:HSN589840 ICD589839:ICJ589840 ILZ589839:IMF589840 IVV589839:IWB589840 JFR589839:JFX589840 JPN589839:JPT589840 JZJ589839:JZP589840 KJF589839:KJL589840 KTB589839:KTH589840 LCX589839:LDD589840 LMT589839:LMZ589840 LWP589839:LWV589840 MGL589839:MGR589840 MQH589839:MQN589840 NAD589839:NAJ589840 NJZ589839:NKF589840 NTV589839:NUB589840 ODR589839:ODX589840 ONN589839:ONT589840 OXJ589839:OXP589840 PHF589839:PHL589840 PRB589839:PRH589840 QAX589839:QBD589840 QKT589839:QKZ589840 QUP589839:QUV589840 REL589839:RER589840 ROH589839:RON589840 RYD589839:RYJ589840 SHZ589839:SIF589840 SRV589839:SSB589840 TBR589839:TBX589840 TLN589839:TLT589840 TVJ589839:TVP589840 UFF589839:UFL589840 UPB589839:UPH589840 UYX589839:UZD589840 VIT589839:VIZ589840 VSP589839:VSV589840 WCL589839:WCR589840 WMH589839:WMN589840 WWD589839:WWJ589840 V655375:AB655376 JR655375:JX655376 TN655375:TT655376 ADJ655375:ADP655376 ANF655375:ANL655376 AXB655375:AXH655376 BGX655375:BHD655376 BQT655375:BQZ655376 CAP655375:CAV655376 CKL655375:CKR655376 CUH655375:CUN655376 DED655375:DEJ655376 DNZ655375:DOF655376 DXV655375:DYB655376 EHR655375:EHX655376 ERN655375:ERT655376 FBJ655375:FBP655376 FLF655375:FLL655376 FVB655375:FVH655376 GEX655375:GFD655376 GOT655375:GOZ655376 GYP655375:GYV655376 HIL655375:HIR655376 HSH655375:HSN655376 ICD655375:ICJ655376 ILZ655375:IMF655376 IVV655375:IWB655376 JFR655375:JFX655376 JPN655375:JPT655376 JZJ655375:JZP655376 KJF655375:KJL655376 KTB655375:KTH655376 LCX655375:LDD655376 LMT655375:LMZ655376 LWP655375:LWV655376 MGL655375:MGR655376 MQH655375:MQN655376 NAD655375:NAJ655376 NJZ655375:NKF655376 NTV655375:NUB655376 ODR655375:ODX655376 ONN655375:ONT655376 OXJ655375:OXP655376 PHF655375:PHL655376 PRB655375:PRH655376 QAX655375:QBD655376 QKT655375:QKZ655376 QUP655375:QUV655376 REL655375:RER655376 ROH655375:RON655376 RYD655375:RYJ655376 SHZ655375:SIF655376 SRV655375:SSB655376 TBR655375:TBX655376 TLN655375:TLT655376 TVJ655375:TVP655376 UFF655375:UFL655376 UPB655375:UPH655376 UYX655375:UZD655376 VIT655375:VIZ655376 VSP655375:VSV655376 WCL655375:WCR655376 WMH655375:WMN655376 WWD655375:WWJ655376 V720911:AB720912 JR720911:JX720912 TN720911:TT720912 ADJ720911:ADP720912 ANF720911:ANL720912 AXB720911:AXH720912 BGX720911:BHD720912 BQT720911:BQZ720912 CAP720911:CAV720912 CKL720911:CKR720912 CUH720911:CUN720912 DED720911:DEJ720912 DNZ720911:DOF720912 DXV720911:DYB720912 EHR720911:EHX720912 ERN720911:ERT720912 FBJ720911:FBP720912 FLF720911:FLL720912 FVB720911:FVH720912 GEX720911:GFD720912 GOT720911:GOZ720912 GYP720911:GYV720912 HIL720911:HIR720912 HSH720911:HSN720912 ICD720911:ICJ720912 ILZ720911:IMF720912 IVV720911:IWB720912 JFR720911:JFX720912 JPN720911:JPT720912 JZJ720911:JZP720912 KJF720911:KJL720912 KTB720911:KTH720912 LCX720911:LDD720912 LMT720911:LMZ720912 LWP720911:LWV720912 MGL720911:MGR720912 MQH720911:MQN720912 NAD720911:NAJ720912 NJZ720911:NKF720912 NTV720911:NUB720912 ODR720911:ODX720912 ONN720911:ONT720912 OXJ720911:OXP720912 PHF720911:PHL720912 PRB720911:PRH720912 QAX720911:QBD720912 QKT720911:QKZ720912 QUP720911:QUV720912 REL720911:RER720912 ROH720911:RON720912 RYD720911:RYJ720912 SHZ720911:SIF720912 SRV720911:SSB720912 TBR720911:TBX720912 TLN720911:TLT720912 TVJ720911:TVP720912 UFF720911:UFL720912 UPB720911:UPH720912 UYX720911:UZD720912 VIT720911:VIZ720912 VSP720911:VSV720912 WCL720911:WCR720912 WMH720911:WMN720912 WWD720911:WWJ720912 V786447:AB786448 JR786447:JX786448 TN786447:TT786448 ADJ786447:ADP786448 ANF786447:ANL786448 AXB786447:AXH786448 BGX786447:BHD786448 BQT786447:BQZ786448 CAP786447:CAV786448 CKL786447:CKR786448 CUH786447:CUN786448 DED786447:DEJ786448 DNZ786447:DOF786448 DXV786447:DYB786448 EHR786447:EHX786448 ERN786447:ERT786448 FBJ786447:FBP786448 FLF786447:FLL786448 FVB786447:FVH786448 GEX786447:GFD786448 GOT786447:GOZ786448 GYP786447:GYV786448 HIL786447:HIR786448 HSH786447:HSN786448 ICD786447:ICJ786448 ILZ786447:IMF786448 IVV786447:IWB786448 JFR786447:JFX786448 JPN786447:JPT786448 JZJ786447:JZP786448 KJF786447:KJL786448 KTB786447:KTH786448 LCX786447:LDD786448 LMT786447:LMZ786448 LWP786447:LWV786448 MGL786447:MGR786448 MQH786447:MQN786448 NAD786447:NAJ786448 NJZ786447:NKF786448 NTV786447:NUB786448 ODR786447:ODX786448 ONN786447:ONT786448 OXJ786447:OXP786448 PHF786447:PHL786448 PRB786447:PRH786448 QAX786447:QBD786448 QKT786447:QKZ786448 QUP786447:QUV786448 REL786447:RER786448 ROH786447:RON786448 RYD786447:RYJ786448 SHZ786447:SIF786448 SRV786447:SSB786448 TBR786447:TBX786448 TLN786447:TLT786448 TVJ786447:TVP786448 UFF786447:UFL786448 UPB786447:UPH786448 UYX786447:UZD786448 VIT786447:VIZ786448 VSP786447:VSV786448 WCL786447:WCR786448 WMH786447:WMN786448 WWD786447:WWJ786448 V851983:AB851984 JR851983:JX851984 TN851983:TT851984 ADJ851983:ADP851984 ANF851983:ANL851984 AXB851983:AXH851984 BGX851983:BHD851984 BQT851983:BQZ851984 CAP851983:CAV851984 CKL851983:CKR851984 CUH851983:CUN851984 DED851983:DEJ851984 DNZ851983:DOF851984 DXV851983:DYB851984 EHR851983:EHX851984 ERN851983:ERT851984 FBJ851983:FBP851984 FLF851983:FLL851984 FVB851983:FVH851984 GEX851983:GFD851984 GOT851983:GOZ851984 GYP851983:GYV851984 HIL851983:HIR851984 HSH851983:HSN851984 ICD851983:ICJ851984 ILZ851983:IMF851984 IVV851983:IWB851984 JFR851983:JFX851984 JPN851983:JPT851984 JZJ851983:JZP851984 KJF851983:KJL851984 KTB851983:KTH851984 LCX851983:LDD851984 LMT851983:LMZ851984 LWP851983:LWV851984 MGL851983:MGR851984 MQH851983:MQN851984 NAD851983:NAJ851984 NJZ851983:NKF851984 NTV851983:NUB851984 ODR851983:ODX851984 ONN851983:ONT851984 OXJ851983:OXP851984 PHF851983:PHL851984 PRB851983:PRH851984 QAX851983:QBD851984 QKT851983:QKZ851984 QUP851983:QUV851984 REL851983:RER851984 ROH851983:RON851984 RYD851983:RYJ851984 SHZ851983:SIF851984 SRV851983:SSB851984 TBR851983:TBX851984 TLN851983:TLT851984 TVJ851983:TVP851984 UFF851983:UFL851984 UPB851983:UPH851984 UYX851983:UZD851984 VIT851983:VIZ851984 VSP851983:VSV851984 WCL851983:WCR851984 WMH851983:WMN851984 WWD851983:WWJ851984 V917519:AB917520 JR917519:JX917520 TN917519:TT917520 ADJ917519:ADP917520 ANF917519:ANL917520 AXB917519:AXH917520 BGX917519:BHD917520 BQT917519:BQZ917520 CAP917519:CAV917520 CKL917519:CKR917520 CUH917519:CUN917520 DED917519:DEJ917520 DNZ917519:DOF917520 DXV917519:DYB917520 EHR917519:EHX917520 ERN917519:ERT917520 FBJ917519:FBP917520 FLF917519:FLL917520 FVB917519:FVH917520 GEX917519:GFD917520 GOT917519:GOZ917520 GYP917519:GYV917520 HIL917519:HIR917520 HSH917519:HSN917520 ICD917519:ICJ917520 ILZ917519:IMF917520 IVV917519:IWB917520 JFR917519:JFX917520 JPN917519:JPT917520 JZJ917519:JZP917520 KJF917519:KJL917520 KTB917519:KTH917520 LCX917519:LDD917520 LMT917519:LMZ917520 LWP917519:LWV917520 MGL917519:MGR917520 MQH917519:MQN917520 NAD917519:NAJ917520 NJZ917519:NKF917520 NTV917519:NUB917520 ODR917519:ODX917520 ONN917519:ONT917520 OXJ917519:OXP917520 PHF917519:PHL917520 PRB917519:PRH917520 QAX917519:QBD917520 QKT917519:QKZ917520 QUP917519:QUV917520 REL917519:RER917520 ROH917519:RON917520 RYD917519:RYJ917520 SHZ917519:SIF917520 SRV917519:SSB917520 TBR917519:TBX917520 TLN917519:TLT917520 TVJ917519:TVP917520 UFF917519:UFL917520 UPB917519:UPH917520 UYX917519:UZD917520 VIT917519:VIZ917520 VSP917519:VSV917520 WCL917519:WCR917520 WMH917519:WMN917520 WWD917519:WWJ917520 V983055:AB983056 JR983055:JX983056 TN983055:TT983056 ADJ983055:ADP983056 ANF983055:ANL983056 AXB983055:AXH983056 BGX983055:BHD983056 BQT983055:BQZ983056 CAP983055:CAV983056 CKL983055:CKR983056 CUH983055:CUN983056 DED983055:DEJ983056 DNZ983055:DOF983056 DXV983055:DYB983056 EHR983055:EHX983056 ERN983055:ERT983056 FBJ983055:FBP983056 FLF983055:FLL983056 FVB983055:FVH983056 GEX983055:GFD983056 GOT983055:GOZ983056 GYP983055:GYV983056 HIL983055:HIR983056 HSH983055:HSN983056 ICD983055:ICJ983056 ILZ983055:IMF983056 IVV983055:IWB983056 JFR983055:JFX983056 JPN983055:JPT983056 JZJ983055:JZP983056 KJF983055:KJL983056 KTB983055:KTH983056 LCX983055:LDD983056 LMT983055:LMZ983056 LWP983055:LWV983056 MGL983055:MGR983056 MQH983055:MQN983056 NAD983055:NAJ983056 NJZ983055:NKF983056 NTV983055:NUB983056 ODR983055:ODX983056 ONN983055:ONT983056 OXJ983055:OXP983056 PHF983055:PHL983056 PRB983055:PRH983056 QAX983055:QBD983056 QKT983055:QKZ983056 QUP983055:QUV983056 REL983055:RER983056 ROH983055:RON983056 RYD983055:RYJ983056 SHZ983055:SIF983056 SRV983055:SSB983056 TBR983055:TBX983056 TLN983055:TLT983056 TVJ983055:TVP983056 UFF983055:UFL983056 UPB983055:UPH983056 UYX983055:UZD983056 VIT983055:VIZ983056 VSP983055:VSV983056 WCL983055:WCR983056 WMH983055:WMN983056 WWD983055:WWJ983056" xr:uid="{00000000-0002-0000-0100-000007000000}"/>
    <dataValidation type="textLength" operator="lessThanOrEqual" allowBlank="1" showInputMessage="1" showErrorMessage="1" errorTitle="入力文字数に制限があります" error="25字（数字・訓読点を含む）以内で記入してください！" promptTitle="ターゲット　売り先" prompt="《売り先》希望する売り先を選択してください（フードサービスとはここでは中食・外食を指します）。またバイヤーからは、過去に取引実績のある売り先を聞かれる場合がありますので、答えられるようにしておくと良いでしょう。" sqref="AD32:AD33 JZ32:JZ33 TV32:TV33 ADR32:ADR33 ANN32:ANN33 AXJ32:AXJ33 BHF32:BHF33 BRB32:BRB33 CAX32:CAX33 CKT32:CKT33 CUP32:CUP33 DEL32:DEL33 DOH32:DOH33 DYD32:DYD33 EHZ32:EHZ33 ERV32:ERV33 FBR32:FBR33 FLN32:FLN33 FVJ32:FVJ33 GFF32:GFF33 GPB32:GPB33 GYX32:GYX33 HIT32:HIT33 HSP32:HSP33 ICL32:ICL33 IMH32:IMH33 IWD32:IWD33 JFZ32:JFZ33 JPV32:JPV33 JZR32:JZR33 KJN32:KJN33 KTJ32:KTJ33 LDF32:LDF33 LNB32:LNB33 LWX32:LWX33 MGT32:MGT33 MQP32:MQP33 NAL32:NAL33 NKH32:NKH33 NUD32:NUD33 ODZ32:ODZ33 ONV32:ONV33 OXR32:OXR33 PHN32:PHN33 PRJ32:PRJ33 QBF32:QBF33 QLB32:QLB33 QUX32:QUX33 RET32:RET33 ROP32:ROP33 RYL32:RYL33 SIH32:SIH33 SSD32:SSD33 TBZ32:TBZ33 TLV32:TLV33 TVR32:TVR33 UFN32:UFN33 UPJ32:UPJ33 UZF32:UZF33 VJB32:VJB33 VSX32:VSX33 WCT32:WCT33 WMP32:WMP33 WWL32:WWL33 AD65568:AD65569 JZ65568:JZ65569 TV65568:TV65569 ADR65568:ADR65569 ANN65568:ANN65569 AXJ65568:AXJ65569 BHF65568:BHF65569 BRB65568:BRB65569 CAX65568:CAX65569 CKT65568:CKT65569 CUP65568:CUP65569 DEL65568:DEL65569 DOH65568:DOH65569 DYD65568:DYD65569 EHZ65568:EHZ65569 ERV65568:ERV65569 FBR65568:FBR65569 FLN65568:FLN65569 FVJ65568:FVJ65569 GFF65568:GFF65569 GPB65568:GPB65569 GYX65568:GYX65569 HIT65568:HIT65569 HSP65568:HSP65569 ICL65568:ICL65569 IMH65568:IMH65569 IWD65568:IWD65569 JFZ65568:JFZ65569 JPV65568:JPV65569 JZR65568:JZR65569 KJN65568:KJN65569 KTJ65568:KTJ65569 LDF65568:LDF65569 LNB65568:LNB65569 LWX65568:LWX65569 MGT65568:MGT65569 MQP65568:MQP65569 NAL65568:NAL65569 NKH65568:NKH65569 NUD65568:NUD65569 ODZ65568:ODZ65569 ONV65568:ONV65569 OXR65568:OXR65569 PHN65568:PHN65569 PRJ65568:PRJ65569 QBF65568:QBF65569 QLB65568:QLB65569 QUX65568:QUX65569 RET65568:RET65569 ROP65568:ROP65569 RYL65568:RYL65569 SIH65568:SIH65569 SSD65568:SSD65569 TBZ65568:TBZ65569 TLV65568:TLV65569 TVR65568:TVR65569 UFN65568:UFN65569 UPJ65568:UPJ65569 UZF65568:UZF65569 VJB65568:VJB65569 VSX65568:VSX65569 WCT65568:WCT65569 WMP65568:WMP65569 WWL65568:WWL65569 AD131104:AD131105 JZ131104:JZ131105 TV131104:TV131105 ADR131104:ADR131105 ANN131104:ANN131105 AXJ131104:AXJ131105 BHF131104:BHF131105 BRB131104:BRB131105 CAX131104:CAX131105 CKT131104:CKT131105 CUP131104:CUP131105 DEL131104:DEL131105 DOH131104:DOH131105 DYD131104:DYD131105 EHZ131104:EHZ131105 ERV131104:ERV131105 FBR131104:FBR131105 FLN131104:FLN131105 FVJ131104:FVJ131105 GFF131104:GFF131105 GPB131104:GPB131105 GYX131104:GYX131105 HIT131104:HIT131105 HSP131104:HSP131105 ICL131104:ICL131105 IMH131104:IMH131105 IWD131104:IWD131105 JFZ131104:JFZ131105 JPV131104:JPV131105 JZR131104:JZR131105 KJN131104:KJN131105 KTJ131104:KTJ131105 LDF131104:LDF131105 LNB131104:LNB131105 LWX131104:LWX131105 MGT131104:MGT131105 MQP131104:MQP131105 NAL131104:NAL131105 NKH131104:NKH131105 NUD131104:NUD131105 ODZ131104:ODZ131105 ONV131104:ONV131105 OXR131104:OXR131105 PHN131104:PHN131105 PRJ131104:PRJ131105 QBF131104:QBF131105 QLB131104:QLB131105 QUX131104:QUX131105 RET131104:RET131105 ROP131104:ROP131105 RYL131104:RYL131105 SIH131104:SIH131105 SSD131104:SSD131105 TBZ131104:TBZ131105 TLV131104:TLV131105 TVR131104:TVR131105 UFN131104:UFN131105 UPJ131104:UPJ131105 UZF131104:UZF131105 VJB131104:VJB131105 VSX131104:VSX131105 WCT131104:WCT131105 WMP131104:WMP131105 WWL131104:WWL131105 AD196640:AD196641 JZ196640:JZ196641 TV196640:TV196641 ADR196640:ADR196641 ANN196640:ANN196641 AXJ196640:AXJ196641 BHF196640:BHF196641 BRB196640:BRB196641 CAX196640:CAX196641 CKT196640:CKT196641 CUP196640:CUP196641 DEL196640:DEL196641 DOH196640:DOH196641 DYD196640:DYD196641 EHZ196640:EHZ196641 ERV196640:ERV196641 FBR196640:FBR196641 FLN196640:FLN196641 FVJ196640:FVJ196641 GFF196640:GFF196641 GPB196640:GPB196641 GYX196640:GYX196641 HIT196640:HIT196641 HSP196640:HSP196641 ICL196640:ICL196641 IMH196640:IMH196641 IWD196640:IWD196641 JFZ196640:JFZ196641 JPV196640:JPV196641 JZR196640:JZR196641 KJN196640:KJN196641 KTJ196640:KTJ196641 LDF196640:LDF196641 LNB196640:LNB196641 LWX196640:LWX196641 MGT196640:MGT196641 MQP196640:MQP196641 NAL196640:NAL196641 NKH196640:NKH196641 NUD196640:NUD196641 ODZ196640:ODZ196641 ONV196640:ONV196641 OXR196640:OXR196641 PHN196640:PHN196641 PRJ196640:PRJ196641 QBF196640:QBF196641 QLB196640:QLB196641 QUX196640:QUX196641 RET196640:RET196641 ROP196640:ROP196641 RYL196640:RYL196641 SIH196640:SIH196641 SSD196640:SSD196641 TBZ196640:TBZ196641 TLV196640:TLV196641 TVR196640:TVR196641 UFN196640:UFN196641 UPJ196640:UPJ196641 UZF196640:UZF196641 VJB196640:VJB196641 VSX196640:VSX196641 WCT196640:WCT196641 WMP196640:WMP196641 WWL196640:WWL196641 AD262176:AD262177 JZ262176:JZ262177 TV262176:TV262177 ADR262176:ADR262177 ANN262176:ANN262177 AXJ262176:AXJ262177 BHF262176:BHF262177 BRB262176:BRB262177 CAX262176:CAX262177 CKT262176:CKT262177 CUP262176:CUP262177 DEL262176:DEL262177 DOH262176:DOH262177 DYD262176:DYD262177 EHZ262176:EHZ262177 ERV262176:ERV262177 FBR262176:FBR262177 FLN262176:FLN262177 FVJ262176:FVJ262177 GFF262176:GFF262177 GPB262176:GPB262177 GYX262176:GYX262177 HIT262176:HIT262177 HSP262176:HSP262177 ICL262176:ICL262177 IMH262176:IMH262177 IWD262176:IWD262177 JFZ262176:JFZ262177 JPV262176:JPV262177 JZR262176:JZR262177 KJN262176:KJN262177 KTJ262176:KTJ262177 LDF262176:LDF262177 LNB262176:LNB262177 LWX262176:LWX262177 MGT262176:MGT262177 MQP262176:MQP262177 NAL262176:NAL262177 NKH262176:NKH262177 NUD262176:NUD262177 ODZ262176:ODZ262177 ONV262176:ONV262177 OXR262176:OXR262177 PHN262176:PHN262177 PRJ262176:PRJ262177 QBF262176:QBF262177 QLB262176:QLB262177 QUX262176:QUX262177 RET262176:RET262177 ROP262176:ROP262177 RYL262176:RYL262177 SIH262176:SIH262177 SSD262176:SSD262177 TBZ262176:TBZ262177 TLV262176:TLV262177 TVR262176:TVR262177 UFN262176:UFN262177 UPJ262176:UPJ262177 UZF262176:UZF262177 VJB262176:VJB262177 VSX262176:VSX262177 WCT262176:WCT262177 WMP262176:WMP262177 WWL262176:WWL262177 AD327712:AD327713 JZ327712:JZ327713 TV327712:TV327713 ADR327712:ADR327713 ANN327712:ANN327713 AXJ327712:AXJ327713 BHF327712:BHF327713 BRB327712:BRB327713 CAX327712:CAX327713 CKT327712:CKT327713 CUP327712:CUP327713 DEL327712:DEL327713 DOH327712:DOH327713 DYD327712:DYD327713 EHZ327712:EHZ327713 ERV327712:ERV327713 FBR327712:FBR327713 FLN327712:FLN327713 FVJ327712:FVJ327713 GFF327712:GFF327713 GPB327712:GPB327713 GYX327712:GYX327713 HIT327712:HIT327713 HSP327712:HSP327713 ICL327712:ICL327713 IMH327712:IMH327713 IWD327712:IWD327713 JFZ327712:JFZ327713 JPV327712:JPV327713 JZR327712:JZR327713 KJN327712:KJN327713 KTJ327712:KTJ327713 LDF327712:LDF327713 LNB327712:LNB327713 LWX327712:LWX327713 MGT327712:MGT327713 MQP327712:MQP327713 NAL327712:NAL327713 NKH327712:NKH327713 NUD327712:NUD327713 ODZ327712:ODZ327713 ONV327712:ONV327713 OXR327712:OXR327713 PHN327712:PHN327713 PRJ327712:PRJ327713 QBF327712:QBF327713 QLB327712:QLB327713 QUX327712:QUX327713 RET327712:RET327713 ROP327712:ROP327713 RYL327712:RYL327713 SIH327712:SIH327713 SSD327712:SSD327713 TBZ327712:TBZ327713 TLV327712:TLV327713 TVR327712:TVR327713 UFN327712:UFN327713 UPJ327712:UPJ327713 UZF327712:UZF327713 VJB327712:VJB327713 VSX327712:VSX327713 WCT327712:WCT327713 WMP327712:WMP327713 WWL327712:WWL327713 AD393248:AD393249 JZ393248:JZ393249 TV393248:TV393249 ADR393248:ADR393249 ANN393248:ANN393249 AXJ393248:AXJ393249 BHF393248:BHF393249 BRB393248:BRB393249 CAX393248:CAX393249 CKT393248:CKT393249 CUP393248:CUP393249 DEL393248:DEL393249 DOH393248:DOH393249 DYD393248:DYD393249 EHZ393248:EHZ393249 ERV393248:ERV393249 FBR393248:FBR393249 FLN393248:FLN393249 FVJ393248:FVJ393249 GFF393248:GFF393249 GPB393248:GPB393249 GYX393248:GYX393249 HIT393248:HIT393249 HSP393248:HSP393249 ICL393248:ICL393249 IMH393248:IMH393249 IWD393248:IWD393249 JFZ393248:JFZ393249 JPV393248:JPV393249 JZR393248:JZR393249 KJN393248:KJN393249 KTJ393248:KTJ393249 LDF393248:LDF393249 LNB393248:LNB393249 LWX393248:LWX393249 MGT393248:MGT393249 MQP393248:MQP393249 NAL393248:NAL393249 NKH393248:NKH393249 NUD393248:NUD393249 ODZ393248:ODZ393249 ONV393248:ONV393249 OXR393248:OXR393249 PHN393248:PHN393249 PRJ393248:PRJ393249 QBF393248:QBF393249 QLB393248:QLB393249 QUX393248:QUX393249 RET393248:RET393249 ROP393248:ROP393249 RYL393248:RYL393249 SIH393248:SIH393249 SSD393248:SSD393249 TBZ393248:TBZ393249 TLV393248:TLV393249 TVR393248:TVR393249 UFN393248:UFN393249 UPJ393248:UPJ393249 UZF393248:UZF393249 VJB393248:VJB393249 VSX393248:VSX393249 WCT393248:WCT393249 WMP393248:WMP393249 WWL393248:WWL393249 AD458784:AD458785 JZ458784:JZ458785 TV458784:TV458785 ADR458784:ADR458785 ANN458784:ANN458785 AXJ458784:AXJ458785 BHF458784:BHF458785 BRB458784:BRB458785 CAX458784:CAX458785 CKT458784:CKT458785 CUP458784:CUP458785 DEL458784:DEL458785 DOH458784:DOH458785 DYD458784:DYD458785 EHZ458784:EHZ458785 ERV458784:ERV458785 FBR458784:FBR458785 FLN458784:FLN458785 FVJ458784:FVJ458785 GFF458784:GFF458785 GPB458784:GPB458785 GYX458784:GYX458785 HIT458784:HIT458785 HSP458784:HSP458785 ICL458784:ICL458785 IMH458784:IMH458785 IWD458784:IWD458785 JFZ458784:JFZ458785 JPV458784:JPV458785 JZR458784:JZR458785 KJN458784:KJN458785 KTJ458784:KTJ458785 LDF458784:LDF458785 LNB458784:LNB458785 LWX458784:LWX458785 MGT458784:MGT458785 MQP458784:MQP458785 NAL458784:NAL458785 NKH458784:NKH458785 NUD458784:NUD458785 ODZ458784:ODZ458785 ONV458784:ONV458785 OXR458784:OXR458785 PHN458784:PHN458785 PRJ458784:PRJ458785 QBF458784:QBF458785 QLB458784:QLB458785 QUX458784:QUX458785 RET458784:RET458785 ROP458784:ROP458785 RYL458784:RYL458785 SIH458784:SIH458785 SSD458784:SSD458785 TBZ458784:TBZ458785 TLV458784:TLV458785 TVR458784:TVR458785 UFN458784:UFN458785 UPJ458784:UPJ458785 UZF458784:UZF458785 VJB458784:VJB458785 VSX458784:VSX458785 WCT458784:WCT458785 WMP458784:WMP458785 WWL458784:WWL458785 AD524320:AD524321 JZ524320:JZ524321 TV524320:TV524321 ADR524320:ADR524321 ANN524320:ANN524321 AXJ524320:AXJ524321 BHF524320:BHF524321 BRB524320:BRB524321 CAX524320:CAX524321 CKT524320:CKT524321 CUP524320:CUP524321 DEL524320:DEL524321 DOH524320:DOH524321 DYD524320:DYD524321 EHZ524320:EHZ524321 ERV524320:ERV524321 FBR524320:FBR524321 FLN524320:FLN524321 FVJ524320:FVJ524321 GFF524320:GFF524321 GPB524320:GPB524321 GYX524320:GYX524321 HIT524320:HIT524321 HSP524320:HSP524321 ICL524320:ICL524321 IMH524320:IMH524321 IWD524320:IWD524321 JFZ524320:JFZ524321 JPV524320:JPV524321 JZR524320:JZR524321 KJN524320:KJN524321 KTJ524320:KTJ524321 LDF524320:LDF524321 LNB524320:LNB524321 LWX524320:LWX524321 MGT524320:MGT524321 MQP524320:MQP524321 NAL524320:NAL524321 NKH524320:NKH524321 NUD524320:NUD524321 ODZ524320:ODZ524321 ONV524320:ONV524321 OXR524320:OXR524321 PHN524320:PHN524321 PRJ524320:PRJ524321 QBF524320:QBF524321 QLB524320:QLB524321 QUX524320:QUX524321 RET524320:RET524321 ROP524320:ROP524321 RYL524320:RYL524321 SIH524320:SIH524321 SSD524320:SSD524321 TBZ524320:TBZ524321 TLV524320:TLV524321 TVR524320:TVR524321 UFN524320:UFN524321 UPJ524320:UPJ524321 UZF524320:UZF524321 VJB524320:VJB524321 VSX524320:VSX524321 WCT524320:WCT524321 WMP524320:WMP524321 WWL524320:WWL524321 AD589856:AD589857 JZ589856:JZ589857 TV589856:TV589857 ADR589856:ADR589857 ANN589856:ANN589857 AXJ589856:AXJ589857 BHF589856:BHF589857 BRB589856:BRB589857 CAX589856:CAX589857 CKT589856:CKT589857 CUP589856:CUP589857 DEL589856:DEL589857 DOH589856:DOH589857 DYD589856:DYD589857 EHZ589856:EHZ589857 ERV589856:ERV589857 FBR589856:FBR589857 FLN589856:FLN589857 FVJ589856:FVJ589857 GFF589856:GFF589857 GPB589856:GPB589857 GYX589856:GYX589857 HIT589856:HIT589857 HSP589856:HSP589857 ICL589856:ICL589857 IMH589856:IMH589857 IWD589856:IWD589857 JFZ589856:JFZ589857 JPV589856:JPV589857 JZR589856:JZR589857 KJN589856:KJN589857 KTJ589856:KTJ589857 LDF589856:LDF589857 LNB589856:LNB589857 LWX589856:LWX589857 MGT589856:MGT589857 MQP589856:MQP589857 NAL589856:NAL589857 NKH589856:NKH589857 NUD589856:NUD589857 ODZ589856:ODZ589857 ONV589856:ONV589857 OXR589856:OXR589857 PHN589856:PHN589857 PRJ589856:PRJ589857 QBF589856:QBF589857 QLB589856:QLB589857 QUX589856:QUX589857 RET589856:RET589857 ROP589856:ROP589857 RYL589856:RYL589857 SIH589856:SIH589857 SSD589856:SSD589857 TBZ589856:TBZ589857 TLV589856:TLV589857 TVR589856:TVR589857 UFN589856:UFN589857 UPJ589856:UPJ589857 UZF589856:UZF589857 VJB589856:VJB589857 VSX589856:VSX589857 WCT589856:WCT589857 WMP589856:WMP589857 WWL589856:WWL589857 AD655392:AD655393 JZ655392:JZ655393 TV655392:TV655393 ADR655392:ADR655393 ANN655392:ANN655393 AXJ655392:AXJ655393 BHF655392:BHF655393 BRB655392:BRB655393 CAX655392:CAX655393 CKT655392:CKT655393 CUP655392:CUP655393 DEL655392:DEL655393 DOH655392:DOH655393 DYD655392:DYD655393 EHZ655392:EHZ655393 ERV655392:ERV655393 FBR655392:FBR655393 FLN655392:FLN655393 FVJ655392:FVJ655393 GFF655392:GFF655393 GPB655392:GPB655393 GYX655392:GYX655393 HIT655392:HIT655393 HSP655392:HSP655393 ICL655392:ICL655393 IMH655392:IMH655393 IWD655392:IWD655393 JFZ655392:JFZ655393 JPV655392:JPV655393 JZR655392:JZR655393 KJN655392:KJN655393 KTJ655392:KTJ655393 LDF655392:LDF655393 LNB655392:LNB655393 LWX655392:LWX655393 MGT655392:MGT655393 MQP655392:MQP655393 NAL655392:NAL655393 NKH655392:NKH655393 NUD655392:NUD655393 ODZ655392:ODZ655393 ONV655392:ONV655393 OXR655392:OXR655393 PHN655392:PHN655393 PRJ655392:PRJ655393 QBF655392:QBF655393 QLB655392:QLB655393 QUX655392:QUX655393 RET655392:RET655393 ROP655392:ROP655393 RYL655392:RYL655393 SIH655392:SIH655393 SSD655392:SSD655393 TBZ655392:TBZ655393 TLV655392:TLV655393 TVR655392:TVR655393 UFN655392:UFN655393 UPJ655392:UPJ655393 UZF655392:UZF655393 VJB655392:VJB655393 VSX655392:VSX655393 WCT655392:WCT655393 WMP655392:WMP655393 WWL655392:WWL655393 AD720928:AD720929 JZ720928:JZ720929 TV720928:TV720929 ADR720928:ADR720929 ANN720928:ANN720929 AXJ720928:AXJ720929 BHF720928:BHF720929 BRB720928:BRB720929 CAX720928:CAX720929 CKT720928:CKT720929 CUP720928:CUP720929 DEL720928:DEL720929 DOH720928:DOH720929 DYD720928:DYD720929 EHZ720928:EHZ720929 ERV720928:ERV720929 FBR720928:FBR720929 FLN720928:FLN720929 FVJ720928:FVJ720929 GFF720928:GFF720929 GPB720928:GPB720929 GYX720928:GYX720929 HIT720928:HIT720929 HSP720928:HSP720929 ICL720928:ICL720929 IMH720928:IMH720929 IWD720928:IWD720929 JFZ720928:JFZ720929 JPV720928:JPV720929 JZR720928:JZR720929 KJN720928:KJN720929 KTJ720928:KTJ720929 LDF720928:LDF720929 LNB720928:LNB720929 LWX720928:LWX720929 MGT720928:MGT720929 MQP720928:MQP720929 NAL720928:NAL720929 NKH720928:NKH720929 NUD720928:NUD720929 ODZ720928:ODZ720929 ONV720928:ONV720929 OXR720928:OXR720929 PHN720928:PHN720929 PRJ720928:PRJ720929 QBF720928:QBF720929 QLB720928:QLB720929 QUX720928:QUX720929 RET720928:RET720929 ROP720928:ROP720929 RYL720928:RYL720929 SIH720928:SIH720929 SSD720928:SSD720929 TBZ720928:TBZ720929 TLV720928:TLV720929 TVR720928:TVR720929 UFN720928:UFN720929 UPJ720928:UPJ720929 UZF720928:UZF720929 VJB720928:VJB720929 VSX720928:VSX720929 WCT720928:WCT720929 WMP720928:WMP720929 WWL720928:WWL720929 AD786464:AD786465 JZ786464:JZ786465 TV786464:TV786465 ADR786464:ADR786465 ANN786464:ANN786465 AXJ786464:AXJ786465 BHF786464:BHF786465 BRB786464:BRB786465 CAX786464:CAX786465 CKT786464:CKT786465 CUP786464:CUP786465 DEL786464:DEL786465 DOH786464:DOH786465 DYD786464:DYD786465 EHZ786464:EHZ786465 ERV786464:ERV786465 FBR786464:FBR786465 FLN786464:FLN786465 FVJ786464:FVJ786465 GFF786464:GFF786465 GPB786464:GPB786465 GYX786464:GYX786465 HIT786464:HIT786465 HSP786464:HSP786465 ICL786464:ICL786465 IMH786464:IMH786465 IWD786464:IWD786465 JFZ786464:JFZ786465 JPV786464:JPV786465 JZR786464:JZR786465 KJN786464:KJN786465 KTJ786464:KTJ786465 LDF786464:LDF786465 LNB786464:LNB786465 LWX786464:LWX786465 MGT786464:MGT786465 MQP786464:MQP786465 NAL786464:NAL786465 NKH786464:NKH786465 NUD786464:NUD786465 ODZ786464:ODZ786465 ONV786464:ONV786465 OXR786464:OXR786465 PHN786464:PHN786465 PRJ786464:PRJ786465 QBF786464:QBF786465 QLB786464:QLB786465 QUX786464:QUX786465 RET786464:RET786465 ROP786464:ROP786465 RYL786464:RYL786465 SIH786464:SIH786465 SSD786464:SSD786465 TBZ786464:TBZ786465 TLV786464:TLV786465 TVR786464:TVR786465 UFN786464:UFN786465 UPJ786464:UPJ786465 UZF786464:UZF786465 VJB786464:VJB786465 VSX786464:VSX786465 WCT786464:WCT786465 WMP786464:WMP786465 WWL786464:WWL786465 AD852000:AD852001 JZ852000:JZ852001 TV852000:TV852001 ADR852000:ADR852001 ANN852000:ANN852001 AXJ852000:AXJ852001 BHF852000:BHF852001 BRB852000:BRB852001 CAX852000:CAX852001 CKT852000:CKT852001 CUP852000:CUP852001 DEL852000:DEL852001 DOH852000:DOH852001 DYD852000:DYD852001 EHZ852000:EHZ852001 ERV852000:ERV852001 FBR852000:FBR852001 FLN852000:FLN852001 FVJ852000:FVJ852001 GFF852000:GFF852001 GPB852000:GPB852001 GYX852000:GYX852001 HIT852000:HIT852001 HSP852000:HSP852001 ICL852000:ICL852001 IMH852000:IMH852001 IWD852000:IWD852001 JFZ852000:JFZ852001 JPV852000:JPV852001 JZR852000:JZR852001 KJN852000:KJN852001 KTJ852000:KTJ852001 LDF852000:LDF852001 LNB852000:LNB852001 LWX852000:LWX852001 MGT852000:MGT852001 MQP852000:MQP852001 NAL852000:NAL852001 NKH852000:NKH852001 NUD852000:NUD852001 ODZ852000:ODZ852001 ONV852000:ONV852001 OXR852000:OXR852001 PHN852000:PHN852001 PRJ852000:PRJ852001 QBF852000:QBF852001 QLB852000:QLB852001 QUX852000:QUX852001 RET852000:RET852001 ROP852000:ROP852001 RYL852000:RYL852001 SIH852000:SIH852001 SSD852000:SSD852001 TBZ852000:TBZ852001 TLV852000:TLV852001 TVR852000:TVR852001 UFN852000:UFN852001 UPJ852000:UPJ852001 UZF852000:UZF852001 VJB852000:VJB852001 VSX852000:VSX852001 WCT852000:WCT852001 WMP852000:WMP852001 WWL852000:WWL852001 AD917536:AD917537 JZ917536:JZ917537 TV917536:TV917537 ADR917536:ADR917537 ANN917536:ANN917537 AXJ917536:AXJ917537 BHF917536:BHF917537 BRB917536:BRB917537 CAX917536:CAX917537 CKT917536:CKT917537 CUP917536:CUP917537 DEL917536:DEL917537 DOH917536:DOH917537 DYD917536:DYD917537 EHZ917536:EHZ917537 ERV917536:ERV917537 FBR917536:FBR917537 FLN917536:FLN917537 FVJ917536:FVJ917537 GFF917536:GFF917537 GPB917536:GPB917537 GYX917536:GYX917537 HIT917536:HIT917537 HSP917536:HSP917537 ICL917536:ICL917537 IMH917536:IMH917537 IWD917536:IWD917537 JFZ917536:JFZ917537 JPV917536:JPV917537 JZR917536:JZR917537 KJN917536:KJN917537 KTJ917536:KTJ917537 LDF917536:LDF917537 LNB917536:LNB917537 LWX917536:LWX917537 MGT917536:MGT917537 MQP917536:MQP917537 NAL917536:NAL917537 NKH917536:NKH917537 NUD917536:NUD917537 ODZ917536:ODZ917537 ONV917536:ONV917537 OXR917536:OXR917537 PHN917536:PHN917537 PRJ917536:PRJ917537 QBF917536:QBF917537 QLB917536:QLB917537 QUX917536:QUX917537 RET917536:RET917537 ROP917536:ROP917537 RYL917536:RYL917537 SIH917536:SIH917537 SSD917536:SSD917537 TBZ917536:TBZ917537 TLV917536:TLV917537 TVR917536:TVR917537 UFN917536:UFN917537 UPJ917536:UPJ917537 UZF917536:UZF917537 VJB917536:VJB917537 VSX917536:VSX917537 WCT917536:WCT917537 WMP917536:WMP917537 WWL917536:WWL917537 AD983072:AD983073 JZ983072:JZ983073 TV983072:TV983073 ADR983072:ADR983073 ANN983072:ANN983073 AXJ983072:AXJ983073 BHF983072:BHF983073 BRB983072:BRB983073 CAX983072:CAX983073 CKT983072:CKT983073 CUP983072:CUP983073 DEL983072:DEL983073 DOH983072:DOH983073 DYD983072:DYD983073 EHZ983072:EHZ983073 ERV983072:ERV983073 FBR983072:FBR983073 FLN983072:FLN983073 FVJ983072:FVJ983073 GFF983072:GFF983073 GPB983072:GPB983073 GYX983072:GYX983073 HIT983072:HIT983073 HSP983072:HSP983073 ICL983072:ICL983073 IMH983072:IMH983073 IWD983072:IWD983073 JFZ983072:JFZ983073 JPV983072:JPV983073 JZR983072:JZR983073 KJN983072:KJN983073 KTJ983072:KTJ983073 LDF983072:LDF983073 LNB983072:LNB983073 LWX983072:LWX983073 MGT983072:MGT983073 MQP983072:MQP983073 NAL983072:NAL983073 NKH983072:NKH983073 NUD983072:NUD983073 ODZ983072:ODZ983073 ONV983072:ONV983073 OXR983072:OXR983073 PHN983072:PHN983073 PRJ983072:PRJ983073 QBF983072:QBF983073 QLB983072:QLB983073 QUX983072:QUX983073 RET983072:RET983073 ROP983072:ROP983073 RYL983072:RYL983073 SIH983072:SIH983073 SSD983072:SSD983073 TBZ983072:TBZ983073 TLV983072:TLV983073 TVR983072:TVR983073 UFN983072:UFN983073 UPJ983072:UPJ983073 UZF983072:UZF983073 VJB983072:VJB983073 VSX983072:VSX983073 WCT983072:WCT983073 WMP983072:WMP983073 WWL983072:WWL983073" xr:uid="{00000000-0002-0000-0100-000008000000}">
      <formula1>25</formula1>
    </dataValidation>
    <dataValidation imeMode="halfAlpha" allowBlank="1" showInputMessage="1" showErrorMessage="1" promptTitle="ケースサイズと重量" prompt="１ケースあたりの３辺の長さ（㌢）と重量（㌔）を記載" sqref="V24 JR24 TN24 ADJ24 ANF24 AXB24 BGX24 BQT24 CAP24 CKL24 CUH24 DED24 DNZ24 DXV24 EHR24 ERN24 FBJ24 FLF24 FVB24 GEX24 GOT24 GYP24 HIL24 HSH24 ICD24 ILZ24 IVV24 JFR24 JPN24 JZJ24 KJF24 KTB24 LCX24 LMT24 LWP24 MGL24 MQH24 NAD24 NJZ24 NTV24 ODR24 ONN24 OXJ24 PHF24 PRB24 QAX24 QKT24 QUP24 REL24 ROH24 RYD24 SHZ24 SRV24 TBR24 TLN24 TVJ24 UFF24 UPB24 UYX24 VIT24 VSP24 WCL24 WMH24 WWD24 V65560 JR65560 TN65560 ADJ65560 ANF65560 AXB65560 BGX65560 BQT65560 CAP65560 CKL65560 CUH65560 DED65560 DNZ65560 DXV65560 EHR65560 ERN65560 FBJ65560 FLF65560 FVB65560 GEX65560 GOT65560 GYP65560 HIL65560 HSH65560 ICD65560 ILZ65560 IVV65560 JFR65560 JPN65560 JZJ65560 KJF65560 KTB65560 LCX65560 LMT65560 LWP65560 MGL65560 MQH65560 NAD65560 NJZ65560 NTV65560 ODR65560 ONN65560 OXJ65560 PHF65560 PRB65560 QAX65560 QKT65560 QUP65560 REL65560 ROH65560 RYD65560 SHZ65560 SRV65560 TBR65560 TLN65560 TVJ65560 UFF65560 UPB65560 UYX65560 VIT65560 VSP65560 WCL65560 WMH65560 WWD65560 V131096 JR131096 TN131096 ADJ131096 ANF131096 AXB131096 BGX131096 BQT131096 CAP131096 CKL131096 CUH131096 DED131096 DNZ131096 DXV131096 EHR131096 ERN131096 FBJ131096 FLF131096 FVB131096 GEX131096 GOT131096 GYP131096 HIL131096 HSH131096 ICD131096 ILZ131096 IVV131096 JFR131096 JPN131096 JZJ131096 KJF131096 KTB131096 LCX131096 LMT131096 LWP131096 MGL131096 MQH131096 NAD131096 NJZ131096 NTV131096 ODR131096 ONN131096 OXJ131096 PHF131096 PRB131096 QAX131096 QKT131096 QUP131096 REL131096 ROH131096 RYD131096 SHZ131096 SRV131096 TBR131096 TLN131096 TVJ131096 UFF131096 UPB131096 UYX131096 VIT131096 VSP131096 WCL131096 WMH131096 WWD131096 V196632 JR196632 TN196632 ADJ196632 ANF196632 AXB196632 BGX196632 BQT196632 CAP196632 CKL196632 CUH196632 DED196632 DNZ196632 DXV196632 EHR196632 ERN196632 FBJ196632 FLF196632 FVB196632 GEX196632 GOT196632 GYP196632 HIL196632 HSH196632 ICD196632 ILZ196632 IVV196632 JFR196632 JPN196632 JZJ196632 KJF196632 KTB196632 LCX196632 LMT196632 LWP196632 MGL196632 MQH196632 NAD196632 NJZ196632 NTV196632 ODR196632 ONN196632 OXJ196632 PHF196632 PRB196632 QAX196632 QKT196632 QUP196632 REL196632 ROH196632 RYD196632 SHZ196632 SRV196632 TBR196632 TLN196632 TVJ196632 UFF196632 UPB196632 UYX196632 VIT196632 VSP196632 WCL196632 WMH196632 WWD196632 V262168 JR262168 TN262168 ADJ262168 ANF262168 AXB262168 BGX262168 BQT262168 CAP262168 CKL262168 CUH262168 DED262168 DNZ262168 DXV262168 EHR262168 ERN262168 FBJ262168 FLF262168 FVB262168 GEX262168 GOT262168 GYP262168 HIL262168 HSH262168 ICD262168 ILZ262168 IVV262168 JFR262168 JPN262168 JZJ262168 KJF262168 KTB262168 LCX262168 LMT262168 LWP262168 MGL262168 MQH262168 NAD262168 NJZ262168 NTV262168 ODR262168 ONN262168 OXJ262168 PHF262168 PRB262168 QAX262168 QKT262168 QUP262168 REL262168 ROH262168 RYD262168 SHZ262168 SRV262168 TBR262168 TLN262168 TVJ262168 UFF262168 UPB262168 UYX262168 VIT262168 VSP262168 WCL262168 WMH262168 WWD262168 V327704 JR327704 TN327704 ADJ327704 ANF327704 AXB327704 BGX327704 BQT327704 CAP327704 CKL327704 CUH327704 DED327704 DNZ327704 DXV327704 EHR327704 ERN327704 FBJ327704 FLF327704 FVB327704 GEX327704 GOT327704 GYP327704 HIL327704 HSH327704 ICD327704 ILZ327704 IVV327704 JFR327704 JPN327704 JZJ327704 KJF327704 KTB327704 LCX327704 LMT327704 LWP327704 MGL327704 MQH327704 NAD327704 NJZ327704 NTV327704 ODR327704 ONN327704 OXJ327704 PHF327704 PRB327704 QAX327704 QKT327704 QUP327704 REL327704 ROH327704 RYD327704 SHZ327704 SRV327704 TBR327704 TLN327704 TVJ327704 UFF327704 UPB327704 UYX327704 VIT327704 VSP327704 WCL327704 WMH327704 WWD327704 V393240 JR393240 TN393240 ADJ393240 ANF393240 AXB393240 BGX393240 BQT393240 CAP393240 CKL393240 CUH393240 DED393240 DNZ393240 DXV393240 EHR393240 ERN393240 FBJ393240 FLF393240 FVB393240 GEX393240 GOT393240 GYP393240 HIL393240 HSH393240 ICD393240 ILZ393240 IVV393240 JFR393240 JPN393240 JZJ393240 KJF393240 KTB393240 LCX393240 LMT393240 LWP393240 MGL393240 MQH393240 NAD393240 NJZ393240 NTV393240 ODR393240 ONN393240 OXJ393240 PHF393240 PRB393240 QAX393240 QKT393240 QUP393240 REL393240 ROH393240 RYD393240 SHZ393240 SRV393240 TBR393240 TLN393240 TVJ393240 UFF393240 UPB393240 UYX393240 VIT393240 VSP393240 WCL393240 WMH393240 WWD393240 V458776 JR458776 TN458776 ADJ458776 ANF458776 AXB458776 BGX458776 BQT458776 CAP458776 CKL458776 CUH458776 DED458776 DNZ458776 DXV458776 EHR458776 ERN458776 FBJ458776 FLF458776 FVB458776 GEX458776 GOT458776 GYP458776 HIL458776 HSH458776 ICD458776 ILZ458776 IVV458776 JFR458776 JPN458776 JZJ458776 KJF458776 KTB458776 LCX458776 LMT458776 LWP458776 MGL458776 MQH458776 NAD458776 NJZ458776 NTV458776 ODR458776 ONN458776 OXJ458776 PHF458776 PRB458776 QAX458776 QKT458776 QUP458776 REL458776 ROH458776 RYD458776 SHZ458776 SRV458776 TBR458776 TLN458776 TVJ458776 UFF458776 UPB458776 UYX458776 VIT458776 VSP458776 WCL458776 WMH458776 WWD458776 V524312 JR524312 TN524312 ADJ524312 ANF524312 AXB524312 BGX524312 BQT524312 CAP524312 CKL524312 CUH524312 DED524312 DNZ524312 DXV524312 EHR524312 ERN524312 FBJ524312 FLF524312 FVB524312 GEX524312 GOT524312 GYP524312 HIL524312 HSH524312 ICD524312 ILZ524312 IVV524312 JFR524312 JPN524312 JZJ524312 KJF524312 KTB524312 LCX524312 LMT524312 LWP524312 MGL524312 MQH524312 NAD524312 NJZ524312 NTV524312 ODR524312 ONN524312 OXJ524312 PHF524312 PRB524312 QAX524312 QKT524312 QUP524312 REL524312 ROH524312 RYD524312 SHZ524312 SRV524312 TBR524312 TLN524312 TVJ524312 UFF524312 UPB524312 UYX524312 VIT524312 VSP524312 WCL524312 WMH524312 WWD524312 V589848 JR589848 TN589848 ADJ589848 ANF589848 AXB589848 BGX589848 BQT589848 CAP589848 CKL589848 CUH589848 DED589848 DNZ589848 DXV589848 EHR589848 ERN589848 FBJ589848 FLF589848 FVB589848 GEX589848 GOT589848 GYP589848 HIL589848 HSH589848 ICD589848 ILZ589848 IVV589848 JFR589848 JPN589848 JZJ589848 KJF589848 KTB589848 LCX589848 LMT589848 LWP589848 MGL589848 MQH589848 NAD589848 NJZ589848 NTV589848 ODR589848 ONN589848 OXJ589848 PHF589848 PRB589848 QAX589848 QKT589848 QUP589848 REL589848 ROH589848 RYD589848 SHZ589848 SRV589848 TBR589848 TLN589848 TVJ589848 UFF589848 UPB589848 UYX589848 VIT589848 VSP589848 WCL589848 WMH589848 WWD589848 V655384 JR655384 TN655384 ADJ655384 ANF655384 AXB655384 BGX655384 BQT655384 CAP655384 CKL655384 CUH655384 DED655384 DNZ655384 DXV655384 EHR655384 ERN655384 FBJ655384 FLF655384 FVB655384 GEX655384 GOT655384 GYP655384 HIL655384 HSH655384 ICD655384 ILZ655384 IVV655384 JFR655384 JPN655384 JZJ655384 KJF655384 KTB655384 LCX655384 LMT655384 LWP655384 MGL655384 MQH655384 NAD655384 NJZ655384 NTV655384 ODR655384 ONN655384 OXJ655384 PHF655384 PRB655384 QAX655384 QKT655384 QUP655384 REL655384 ROH655384 RYD655384 SHZ655384 SRV655384 TBR655384 TLN655384 TVJ655384 UFF655384 UPB655384 UYX655384 VIT655384 VSP655384 WCL655384 WMH655384 WWD655384 V720920 JR720920 TN720920 ADJ720920 ANF720920 AXB720920 BGX720920 BQT720920 CAP720920 CKL720920 CUH720920 DED720920 DNZ720920 DXV720920 EHR720920 ERN720920 FBJ720920 FLF720920 FVB720920 GEX720920 GOT720920 GYP720920 HIL720920 HSH720920 ICD720920 ILZ720920 IVV720920 JFR720920 JPN720920 JZJ720920 KJF720920 KTB720920 LCX720920 LMT720920 LWP720920 MGL720920 MQH720920 NAD720920 NJZ720920 NTV720920 ODR720920 ONN720920 OXJ720920 PHF720920 PRB720920 QAX720920 QKT720920 QUP720920 REL720920 ROH720920 RYD720920 SHZ720920 SRV720920 TBR720920 TLN720920 TVJ720920 UFF720920 UPB720920 UYX720920 VIT720920 VSP720920 WCL720920 WMH720920 WWD720920 V786456 JR786456 TN786456 ADJ786456 ANF786456 AXB786456 BGX786456 BQT786456 CAP786456 CKL786456 CUH786456 DED786456 DNZ786456 DXV786456 EHR786456 ERN786456 FBJ786456 FLF786456 FVB786456 GEX786456 GOT786456 GYP786456 HIL786456 HSH786456 ICD786456 ILZ786456 IVV786456 JFR786456 JPN786456 JZJ786456 KJF786456 KTB786456 LCX786456 LMT786456 LWP786456 MGL786456 MQH786456 NAD786456 NJZ786456 NTV786456 ODR786456 ONN786456 OXJ786456 PHF786456 PRB786456 QAX786456 QKT786456 QUP786456 REL786456 ROH786456 RYD786456 SHZ786456 SRV786456 TBR786456 TLN786456 TVJ786456 UFF786456 UPB786456 UYX786456 VIT786456 VSP786456 WCL786456 WMH786456 WWD786456 V851992 JR851992 TN851992 ADJ851992 ANF851992 AXB851992 BGX851992 BQT851992 CAP851992 CKL851992 CUH851992 DED851992 DNZ851992 DXV851992 EHR851992 ERN851992 FBJ851992 FLF851992 FVB851992 GEX851992 GOT851992 GYP851992 HIL851992 HSH851992 ICD851992 ILZ851992 IVV851992 JFR851992 JPN851992 JZJ851992 KJF851992 KTB851992 LCX851992 LMT851992 LWP851992 MGL851992 MQH851992 NAD851992 NJZ851992 NTV851992 ODR851992 ONN851992 OXJ851992 PHF851992 PRB851992 QAX851992 QKT851992 QUP851992 REL851992 ROH851992 RYD851992 SHZ851992 SRV851992 TBR851992 TLN851992 TVJ851992 UFF851992 UPB851992 UYX851992 VIT851992 VSP851992 WCL851992 WMH851992 WWD851992 V917528 JR917528 TN917528 ADJ917528 ANF917528 AXB917528 BGX917528 BQT917528 CAP917528 CKL917528 CUH917528 DED917528 DNZ917528 DXV917528 EHR917528 ERN917528 FBJ917528 FLF917528 FVB917528 GEX917528 GOT917528 GYP917528 HIL917528 HSH917528 ICD917528 ILZ917528 IVV917528 JFR917528 JPN917528 JZJ917528 KJF917528 KTB917528 LCX917528 LMT917528 LWP917528 MGL917528 MQH917528 NAD917528 NJZ917528 NTV917528 ODR917528 ONN917528 OXJ917528 PHF917528 PRB917528 QAX917528 QKT917528 QUP917528 REL917528 ROH917528 RYD917528 SHZ917528 SRV917528 TBR917528 TLN917528 TVJ917528 UFF917528 UPB917528 UYX917528 VIT917528 VSP917528 WCL917528 WMH917528 WWD917528 V983064 JR983064 TN983064 ADJ983064 ANF983064 AXB983064 BGX983064 BQT983064 CAP983064 CKL983064 CUH983064 DED983064 DNZ983064 DXV983064 EHR983064 ERN983064 FBJ983064 FLF983064 FVB983064 GEX983064 GOT983064 GYP983064 HIL983064 HSH983064 ICD983064 ILZ983064 IVV983064 JFR983064 JPN983064 JZJ983064 KJF983064 KTB983064 LCX983064 LMT983064 LWP983064 MGL983064 MQH983064 NAD983064 NJZ983064 NTV983064 ODR983064 ONN983064 OXJ983064 PHF983064 PRB983064 QAX983064 QKT983064 QUP983064 REL983064 ROH983064 RYD983064 SHZ983064 SRV983064 TBR983064 TLN983064 TVJ983064 UFF983064 UPB983064 UYX983064 VIT983064 VSP983064 WCL983064 WMH983064 WWD983064 X24:AB24 JT24:JX24 TP24:TT24 ADL24:ADP24 ANH24:ANL24 AXD24:AXH24 BGZ24:BHD24 BQV24:BQZ24 CAR24:CAV24 CKN24:CKR24 CUJ24:CUN24 DEF24:DEJ24 DOB24:DOF24 DXX24:DYB24 EHT24:EHX24 ERP24:ERT24 FBL24:FBP24 FLH24:FLL24 FVD24:FVH24 GEZ24:GFD24 GOV24:GOZ24 GYR24:GYV24 HIN24:HIR24 HSJ24:HSN24 ICF24:ICJ24 IMB24:IMF24 IVX24:IWB24 JFT24:JFX24 JPP24:JPT24 JZL24:JZP24 KJH24:KJL24 KTD24:KTH24 LCZ24:LDD24 LMV24:LMZ24 LWR24:LWV24 MGN24:MGR24 MQJ24:MQN24 NAF24:NAJ24 NKB24:NKF24 NTX24:NUB24 ODT24:ODX24 ONP24:ONT24 OXL24:OXP24 PHH24:PHL24 PRD24:PRH24 QAZ24:QBD24 QKV24:QKZ24 QUR24:QUV24 REN24:RER24 ROJ24:RON24 RYF24:RYJ24 SIB24:SIF24 SRX24:SSB24 TBT24:TBX24 TLP24:TLT24 TVL24:TVP24 UFH24:UFL24 UPD24:UPH24 UYZ24:UZD24 VIV24:VIZ24 VSR24:VSV24 WCN24:WCR24 WMJ24:WMN24 WWF24:WWJ24 X65560:AB65560 JT65560:JX65560 TP65560:TT65560 ADL65560:ADP65560 ANH65560:ANL65560 AXD65560:AXH65560 BGZ65560:BHD65560 BQV65560:BQZ65560 CAR65560:CAV65560 CKN65560:CKR65560 CUJ65560:CUN65560 DEF65560:DEJ65560 DOB65560:DOF65560 DXX65560:DYB65560 EHT65560:EHX65560 ERP65560:ERT65560 FBL65560:FBP65560 FLH65560:FLL65560 FVD65560:FVH65560 GEZ65560:GFD65560 GOV65560:GOZ65560 GYR65560:GYV65560 HIN65560:HIR65560 HSJ65560:HSN65560 ICF65560:ICJ65560 IMB65560:IMF65560 IVX65560:IWB65560 JFT65560:JFX65560 JPP65560:JPT65560 JZL65560:JZP65560 KJH65560:KJL65560 KTD65560:KTH65560 LCZ65560:LDD65560 LMV65560:LMZ65560 LWR65560:LWV65560 MGN65560:MGR65560 MQJ65560:MQN65560 NAF65560:NAJ65560 NKB65560:NKF65560 NTX65560:NUB65560 ODT65560:ODX65560 ONP65560:ONT65560 OXL65560:OXP65560 PHH65560:PHL65560 PRD65560:PRH65560 QAZ65560:QBD65560 QKV65560:QKZ65560 QUR65560:QUV65560 REN65560:RER65560 ROJ65560:RON65560 RYF65560:RYJ65560 SIB65560:SIF65560 SRX65560:SSB65560 TBT65560:TBX65560 TLP65560:TLT65560 TVL65560:TVP65560 UFH65560:UFL65560 UPD65560:UPH65560 UYZ65560:UZD65560 VIV65560:VIZ65560 VSR65560:VSV65560 WCN65560:WCR65560 WMJ65560:WMN65560 WWF65560:WWJ65560 X131096:AB131096 JT131096:JX131096 TP131096:TT131096 ADL131096:ADP131096 ANH131096:ANL131096 AXD131096:AXH131096 BGZ131096:BHD131096 BQV131096:BQZ131096 CAR131096:CAV131096 CKN131096:CKR131096 CUJ131096:CUN131096 DEF131096:DEJ131096 DOB131096:DOF131096 DXX131096:DYB131096 EHT131096:EHX131096 ERP131096:ERT131096 FBL131096:FBP131096 FLH131096:FLL131096 FVD131096:FVH131096 GEZ131096:GFD131096 GOV131096:GOZ131096 GYR131096:GYV131096 HIN131096:HIR131096 HSJ131096:HSN131096 ICF131096:ICJ131096 IMB131096:IMF131096 IVX131096:IWB131096 JFT131096:JFX131096 JPP131096:JPT131096 JZL131096:JZP131096 KJH131096:KJL131096 KTD131096:KTH131096 LCZ131096:LDD131096 LMV131096:LMZ131096 LWR131096:LWV131096 MGN131096:MGR131096 MQJ131096:MQN131096 NAF131096:NAJ131096 NKB131096:NKF131096 NTX131096:NUB131096 ODT131096:ODX131096 ONP131096:ONT131096 OXL131096:OXP131096 PHH131096:PHL131096 PRD131096:PRH131096 QAZ131096:QBD131096 QKV131096:QKZ131096 QUR131096:QUV131096 REN131096:RER131096 ROJ131096:RON131096 RYF131096:RYJ131096 SIB131096:SIF131096 SRX131096:SSB131096 TBT131096:TBX131096 TLP131096:TLT131096 TVL131096:TVP131096 UFH131096:UFL131096 UPD131096:UPH131096 UYZ131096:UZD131096 VIV131096:VIZ131096 VSR131096:VSV131096 WCN131096:WCR131096 WMJ131096:WMN131096 WWF131096:WWJ131096 X196632:AB196632 JT196632:JX196632 TP196632:TT196632 ADL196632:ADP196632 ANH196632:ANL196632 AXD196632:AXH196632 BGZ196632:BHD196632 BQV196632:BQZ196632 CAR196632:CAV196632 CKN196632:CKR196632 CUJ196632:CUN196632 DEF196632:DEJ196632 DOB196632:DOF196632 DXX196632:DYB196632 EHT196632:EHX196632 ERP196632:ERT196632 FBL196632:FBP196632 FLH196632:FLL196632 FVD196632:FVH196632 GEZ196632:GFD196632 GOV196632:GOZ196632 GYR196632:GYV196632 HIN196632:HIR196632 HSJ196632:HSN196632 ICF196632:ICJ196632 IMB196632:IMF196632 IVX196632:IWB196632 JFT196632:JFX196632 JPP196632:JPT196632 JZL196632:JZP196632 KJH196632:KJL196632 KTD196632:KTH196632 LCZ196632:LDD196632 LMV196632:LMZ196632 LWR196632:LWV196632 MGN196632:MGR196632 MQJ196632:MQN196632 NAF196632:NAJ196632 NKB196632:NKF196632 NTX196632:NUB196632 ODT196632:ODX196632 ONP196632:ONT196632 OXL196632:OXP196632 PHH196632:PHL196632 PRD196632:PRH196632 QAZ196632:QBD196632 QKV196632:QKZ196632 QUR196632:QUV196632 REN196632:RER196632 ROJ196632:RON196632 RYF196632:RYJ196632 SIB196632:SIF196632 SRX196632:SSB196632 TBT196632:TBX196632 TLP196632:TLT196632 TVL196632:TVP196632 UFH196632:UFL196632 UPD196632:UPH196632 UYZ196632:UZD196632 VIV196632:VIZ196632 VSR196632:VSV196632 WCN196632:WCR196632 WMJ196632:WMN196632 WWF196632:WWJ196632 X262168:AB262168 JT262168:JX262168 TP262168:TT262168 ADL262168:ADP262168 ANH262168:ANL262168 AXD262168:AXH262168 BGZ262168:BHD262168 BQV262168:BQZ262168 CAR262168:CAV262168 CKN262168:CKR262168 CUJ262168:CUN262168 DEF262168:DEJ262168 DOB262168:DOF262168 DXX262168:DYB262168 EHT262168:EHX262168 ERP262168:ERT262168 FBL262168:FBP262168 FLH262168:FLL262168 FVD262168:FVH262168 GEZ262168:GFD262168 GOV262168:GOZ262168 GYR262168:GYV262168 HIN262168:HIR262168 HSJ262168:HSN262168 ICF262168:ICJ262168 IMB262168:IMF262168 IVX262168:IWB262168 JFT262168:JFX262168 JPP262168:JPT262168 JZL262168:JZP262168 KJH262168:KJL262168 KTD262168:KTH262168 LCZ262168:LDD262168 LMV262168:LMZ262168 LWR262168:LWV262168 MGN262168:MGR262168 MQJ262168:MQN262168 NAF262168:NAJ262168 NKB262168:NKF262168 NTX262168:NUB262168 ODT262168:ODX262168 ONP262168:ONT262168 OXL262168:OXP262168 PHH262168:PHL262168 PRD262168:PRH262168 QAZ262168:QBD262168 QKV262168:QKZ262168 QUR262168:QUV262168 REN262168:RER262168 ROJ262168:RON262168 RYF262168:RYJ262168 SIB262168:SIF262168 SRX262168:SSB262168 TBT262168:TBX262168 TLP262168:TLT262168 TVL262168:TVP262168 UFH262168:UFL262168 UPD262168:UPH262168 UYZ262168:UZD262168 VIV262168:VIZ262168 VSR262168:VSV262168 WCN262168:WCR262168 WMJ262168:WMN262168 WWF262168:WWJ262168 X327704:AB327704 JT327704:JX327704 TP327704:TT327704 ADL327704:ADP327704 ANH327704:ANL327704 AXD327704:AXH327704 BGZ327704:BHD327704 BQV327704:BQZ327704 CAR327704:CAV327704 CKN327704:CKR327704 CUJ327704:CUN327704 DEF327704:DEJ327704 DOB327704:DOF327704 DXX327704:DYB327704 EHT327704:EHX327704 ERP327704:ERT327704 FBL327704:FBP327704 FLH327704:FLL327704 FVD327704:FVH327704 GEZ327704:GFD327704 GOV327704:GOZ327704 GYR327704:GYV327704 HIN327704:HIR327704 HSJ327704:HSN327704 ICF327704:ICJ327704 IMB327704:IMF327704 IVX327704:IWB327704 JFT327704:JFX327704 JPP327704:JPT327704 JZL327704:JZP327704 KJH327704:KJL327704 KTD327704:KTH327704 LCZ327704:LDD327704 LMV327704:LMZ327704 LWR327704:LWV327704 MGN327704:MGR327704 MQJ327704:MQN327704 NAF327704:NAJ327704 NKB327704:NKF327704 NTX327704:NUB327704 ODT327704:ODX327704 ONP327704:ONT327704 OXL327704:OXP327704 PHH327704:PHL327704 PRD327704:PRH327704 QAZ327704:QBD327704 QKV327704:QKZ327704 QUR327704:QUV327704 REN327704:RER327704 ROJ327704:RON327704 RYF327704:RYJ327704 SIB327704:SIF327704 SRX327704:SSB327704 TBT327704:TBX327704 TLP327704:TLT327704 TVL327704:TVP327704 UFH327704:UFL327704 UPD327704:UPH327704 UYZ327704:UZD327704 VIV327704:VIZ327704 VSR327704:VSV327704 WCN327704:WCR327704 WMJ327704:WMN327704 WWF327704:WWJ327704 X393240:AB393240 JT393240:JX393240 TP393240:TT393240 ADL393240:ADP393240 ANH393240:ANL393240 AXD393240:AXH393240 BGZ393240:BHD393240 BQV393240:BQZ393240 CAR393240:CAV393240 CKN393240:CKR393240 CUJ393240:CUN393240 DEF393240:DEJ393240 DOB393240:DOF393240 DXX393240:DYB393240 EHT393240:EHX393240 ERP393240:ERT393240 FBL393240:FBP393240 FLH393240:FLL393240 FVD393240:FVH393240 GEZ393240:GFD393240 GOV393240:GOZ393240 GYR393240:GYV393240 HIN393240:HIR393240 HSJ393240:HSN393240 ICF393240:ICJ393240 IMB393240:IMF393240 IVX393240:IWB393240 JFT393240:JFX393240 JPP393240:JPT393240 JZL393240:JZP393240 KJH393240:KJL393240 KTD393240:KTH393240 LCZ393240:LDD393240 LMV393240:LMZ393240 LWR393240:LWV393240 MGN393240:MGR393240 MQJ393240:MQN393240 NAF393240:NAJ393240 NKB393240:NKF393240 NTX393240:NUB393240 ODT393240:ODX393240 ONP393240:ONT393240 OXL393240:OXP393240 PHH393240:PHL393240 PRD393240:PRH393240 QAZ393240:QBD393240 QKV393240:QKZ393240 QUR393240:QUV393240 REN393240:RER393240 ROJ393240:RON393240 RYF393240:RYJ393240 SIB393240:SIF393240 SRX393240:SSB393240 TBT393240:TBX393240 TLP393240:TLT393240 TVL393240:TVP393240 UFH393240:UFL393240 UPD393240:UPH393240 UYZ393240:UZD393240 VIV393240:VIZ393240 VSR393240:VSV393240 WCN393240:WCR393240 WMJ393240:WMN393240 WWF393240:WWJ393240 X458776:AB458776 JT458776:JX458776 TP458776:TT458776 ADL458776:ADP458776 ANH458776:ANL458776 AXD458776:AXH458776 BGZ458776:BHD458776 BQV458776:BQZ458776 CAR458776:CAV458776 CKN458776:CKR458776 CUJ458776:CUN458776 DEF458776:DEJ458776 DOB458776:DOF458776 DXX458776:DYB458776 EHT458776:EHX458776 ERP458776:ERT458776 FBL458776:FBP458776 FLH458776:FLL458776 FVD458776:FVH458776 GEZ458776:GFD458776 GOV458776:GOZ458776 GYR458776:GYV458776 HIN458776:HIR458776 HSJ458776:HSN458776 ICF458776:ICJ458776 IMB458776:IMF458776 IVX458776:IWB458776 JFT458776:JFX458776 JPP458776:JPT458776 JZL458776:JZP458776 KJH458776:KJL458776 KTD458776:KTH458776 LCZ458776:LDD458776 LMV458776:LMZ458776 LWR458776:LWV458776 MGN458776:MGR458776 MQJ458776:MQN458776 NAF458776:NAJ458776 NKB458776:NKF458776 NTX458776:NUB458776 ODT458776:ODX458776 ONP458776:ONT458776 OXL458776:OXP458776 PHH458776:PHL458776 PRD458776:PRH458776 QAZ458776:QBD458776 QKV458776:QKZ458776 QUR458776:QUV458776 REN458776:RER458776 ROJ458776:RON458776 RYF458776:RYJ458776 SIB458776:SIF458776 SRX458776:SSB458776 TBT458776:TBX458776 TLP458776:TLT458776 TVL458776:TVP458776 UFH458776:UFL458776 UPD458776:UPH458776 UYZ458776:UZD458776 VIV458776:VIZ458776 VSR458776:VSV458776 WCN458776:WCR458776 WMJ458776:WMN458776 WWF458776:WWJ458776 X524312:AB524312 JT524312:JX524312 TP524312:TT524312 ADL524312:ADP524312 ANH524312:ANL524312 AXD524312:AXH524312 BGZ524312:BHD524312 BQV524312:BQZ524312 CAR524312:CAV524312 CKN524312:CKR524312 CUJ524312:CUN524312 DEF524312:DEJ524312 DOB524312:DOF524312 DXX524312:DYB524312 EHT524312:EHX524312 ERP524312:ERT524312 FBL524312:FBP524312 FLH524312:FLL524312 FVD524312:FVH524312 GEZ524312:GFD524312 GOV524312:GOZ524312 GYR524312:GYV524312 HIN524312:HIR524312 HSJ524312:HSN524312 ICF524312:ICJ524312 IMB524312:IMF524312 IVX524312:IWB524312 JFT524312:JFX524312 JPP524312:JPT524312 JZL524312:JZP524312 KJH524312:KJL524312 KTD524312:KTH524312 LCZ524312:LDD524312 LMV524312:LMZ524312 LWR524312:LWV524312 MGN524312:MGR524312 MQJ524312:MQN524312 NAF524312:NAJ524312 NKB524312:NKF524312 NTX524312:NUB524312 ODT524312:ODX524312 ONP524312:ONT524312 OXL524312:OXP524312 PHH524312:PHL524312 PRD524312:PRH524312 QAZ524312:QBD524312 QKV524312:QKZ524312 QUR524312:QUV524312 REN524312:RER524312 ROJ524312:RON524312 RYF524312:RYJ524312 SIB524312:SIF524312 SRX524312:SSB524312 TBT524312:TBX524312 TLP524312:TLT524312 TVL524312:TVP524312 UFH524312:UFL524312 UPD524312:UPH524312 UYZ524312:UZD524312 VIV524312:VIZ524312 VSR524312:VSV524312 WCN524312:WCR524312 WMJ524312:WMN524312 WWF524312:WWJ524312 X589848:AB589848 JT589848:JX589848 TP589848:TT589848 ADL589848:ADP589848 ANH589848:ANL589848 AXD589848:AXH589848 BGZ589848:BHD589848 BQV589848:BQZ589848 CAR589848:CAV589848 CKN589848:CKR589848 CUJ589848:CUN589848 DEF589848:DEJ589848 DOB589848:DOF589848 DXX589848:DYB589848 EHT589848:EHX589848 ERP589848:ERT589848 FBL589848:FBP589848 FLH589848:FLL589848 FVD589848:FVH589848 GEZ589848:GFD589848 GOV589848:GOZ589848 GYR589848:GYV589848 HIN589848:HIR589848 HSJ589848:HSN589848 ICF589848:ICJ589848 IMB589848:IMF589848 IVX589848:IWB589848 JFT589848:JFX589848 JPP589848:JPT589848 JZL589848:JZP589848 KJH589848:KJL589848 KTD589848:KTH589848 LCZ589848:LDD589848 LMV589848:LMZ589848 LWR589848:LWV589848 MGN589848:MGR589848 MQJ589848:MQN589848 NAF589848:NAJ589848 NKB589848:NKF589848 NTX589848:NUB589848 ODT589848:ODX589848 ONP589848:ONT589848 OXL589848:OXP589848 PHH589848:PHL589848 PRD589848:PRH589848 QAZ589848:QBD589848 QKV589848:QKZ589848 QUR589848:QUV589848 REN589848:RER589848 ROJ589848:RON589848 RYF589848:RYJ589848 SIB589848:SIF589848 SRX589848:SSB589848 TBT589848:TBX589848 TLP589848:TLT589848 TVL589848:TVP589848 UFH589848:UFL589848 UPD589848:UPH589848 UYZ589848:UZD589848 VIV589848:VIZ589848 VSR589848:VSV589848 WCN589848:WCR589848 WMJ589848:WMN589848 WWF589848:WWJ589848 X655384:AB655384 JT655384:JX655384 TP655384:TT655384 ADL655384:ADP655384 ANH655384:ANL655384 AXD655384:AXH655384 BGZ655384:BHD655384 BQV655384:BQZ655384 CAR655384:CAV655384 CKN655384:CKR655384 CUJ655384:CUN655384 DEF655384:DEJ655384 DOB655384:DOF655384 DXX655384:DYB655384 EHT655384:EHX655384 ERP655384:ERT655384 FBL655384:FBP655384 FLH655384:FLL655384 FVD655384:FVH655384 GEZ655384:GFD655384 GOV655384:GOZ655384 GYR655384:GYV655384 HIN655384:HIR655384 HSJ655384:HSN655384 ICF655384:ICJ655384 IMB655384:IMF655384 IVX655384:IWB655384 JFT655384:JFX655384 JPP655384:JPT655384 JZL655384:JZP655384 KJH655384:KJL655384 KTD655384:KTH655384 LCZ655384:LDD655384 LMV655384:LMZ655384 LWR655384:LWV655384 MGN655384:MGR655384 MQJ655384:MQN655384 NAF655384:NAJ655384 NKB655384:NKF655384 NTX655384:NUB655384 ODT655384:ODX655384 ONP655384:ONT655384 OXL655384:OXP655384 PHH655384:PHL655384 PRD655384:PRH655384 QAZ655384:QBD655384 QKV655384:QKZ655384 QUR655384:QUV655384 REN655384:RER655384 ROJ655384:RON655384 RYF655384:RYJ655384 SIB655384:SIF655384 SRX655384:SSB655384 TBT655384:TBX655384 TLP655384:TLT655384 TVL655384:TVP655384 UFH655384:UFL655384 UPD655384:UPH655384 UYZ655384:UZD655384 VIV655384:VIZ655384 VSR655384:VSV655384 WCN655384:WCR655384 WMJ655384:WMN655384 WWF655384:WWJ655384 X720920:AB720920 JT720920:JX720920 TP720920:TT720920 ADL720920:ADP720920 ANH720920:ANL720920 AXD720920:AXH720920 BGZ720920:BHD720920 BQV720920:BQZ720920 CAR720920:CAV720920 CKN720920:CKR720920 CUJ720920:CUN720920 DEF720920:DEJ720920 DOB720920:DOF720920 DXX720920:DYB720920 EHT720920:EHX720920 ERP720920:ERT720920 FBL720920:FBP720920 FLH720920:FLL720920 FVD720920:FVH720920 GEZ720920:GFD720920 GOV720920:GOZ720920 GYR720920:GYV720920 HIN720920:HIR720920 HSJ720920:HSN720920 ICF720920:ICJ720920 IMB720920:IMF720920 IVX720920:IWB720920 JFT720920:JFX720920 JPP720920:JPT720920 JZL720920:JZP720920 KJH720920:KJL720920 KTD720920:KTH720920 LCZ720920:LDD720920 LMV720920:LMZ720920 LWR720920:LWV720920 MGN720920:MGR720920 MQJ720920:MQN720920 NAF720920:NAJ720920 NKB720920:NKF720920 NTX720920:NUB720920 ODT720920:ODX720920 ONP720920:ONT720920 OXL720920:OXP720920 PHH720920:PHL720920 PRD720920:PRH720920 QAZ720920:QBD720920 QKV720920:QKZ720920 QUR720920:QUV720920 REN720920:RER720920 ROJ720920:RON720920 RYF720920:RYJ720920 SIB720920:SIF720920 SRX720920:SSB720920 TBT720920:TBX720920 TLP720920:TLT720920 TVL720920:TVP720920 UFH720920:UFL720920 UPD720920:UPH720920 UYZ720920:UZD720920 VIV720920:VIZ720920 VSR720920:VSV720920 WCN720920:WCR720920 WMJ720920:WMN720920 WWF720920:WWJ720920 X786456:AB786456 JT786456:JX786456 TP786456:TT786456 ADL786456:ADP786456 ANH786456:ANL786456 AXD786456:AXH786456 BGZ786456:BHD786456 BQV786456:BQZ786456 CAR786456:CAV786456 CKN786456:CKR786456 CUJ786456:CUN786456 DEF786456:DEJ786456 DOB786456:DOF786456 DXX786456:DYB786456 EHT786456:EHX786456 ERP786456:ERT786456 FBL786456:FBP786456 FLH786456:FLL786456 FVD786456:FVH786456 GEZ786456:GFD786456 GOV786456:GOZ786456 GYR786456:GYV786456 HIN786456:HIR786456 HSJ786456:HSN786456 ICF786456:ICJ786456 IMB786456:IMF786456 IVX786456:IWB786456 JFT786456:JFX786456 JPP786456:JPT786456 JZL786456:JZP786456 KJH786456:KJL786456 KTD786456:KTH786456 LCZ786456:LDD786456 LMV786456:LMZ786456 LWR786456:LWV786456 MGN786456:MGR786456 MQJ786456:MQN786456 NAF786456:NAJ786456 NKB786456:NKF786456 NTX786456:NUB786456 ODT786456:ODX786456 ONP786456:ONT786456 OXL786456:OXP786456 PHH786456:PHL786456 PRD786456:PRH786456 QAZ786456:QBD786456 QKV786456:QKZ786456 QUR786456:QUV786456 REN786456:RER786456 ROJ786456:RON786456 RYF786456:RYJ786456 SIB786456:SIF786456 SRX786456:SSB786456 TBT786456:TBX786456 TLP786456:TLT786456 TVL786456:TVP786456 UFH786456:UFL786456 UPD786456:UPH786456 UYZ786456:UZD786456 VIV786456:VIZ786456 VSR786456:VSV786456 WCN786456:WCR786456 WMJ786456:WMN786456 WWF786456:WWJ786456 X851992:AB851992 JT851992:JX851992 TP851992:TT851992 ADL851992:ADP851992 ANH851992:ANL851992 AXD851992:AXH851992 BGZ851992:BHD851992 BQV851992:BQZ851992 CAR851992:CAV851992 CKN851992:CKR851992 CUJ851992:CUN851992 DEF851992:DEJ851992 DOB851992:DOF851992 DXX851992:DYB851992 EHT851992:EHX851992 ERP851992:ERT851992 FBL851992:FBP851992 FLH851992:FLL851992 FVD851992:FVH851992 GEZ851992:GFD851992 GOV851992:GOZ851992 GYR851992:GYV851992 HIN851992:HIR851992 HSJ851992:HSN851992 ICF851992:ICJ851992 IMB851992:IMF851992 IVX851992:IWB851992 JFT851992:JFX851992 JPP851992:JPT851992 JZL851992:JZP851992 KJH851992:KJL851992 KTD851992:KTH851992 LCZ851992:LDD851992 LMV851992:LMZ851992 LWR851992:LWV851992 MGN851992:MGR851992 MQJ851992:MQN851992 NAF851992:NAJ851992 NKB851992:NKF851992 NTX851992:NUB851992 ODT851992:ODX851992 ONP851992:ONT851992 OXL851992:OXP851992 PHH851992:PHL851992 PRD851992:PRH851992 QAZ851992:QBD851992 QKV851992:QKZ851992 QUR851992:QUV851992 REN851992:RER851992 ROJ851992:RON851992 RYF851992:RYJ851992 SIB851992:SIF851992 SRX851992:SSB851992 TBT851992:TBX851992 TLP851992:TLT851992 TVL851992:TVP851992 UFH851992:UFL851992 UPD851992:UPH851992 UYZ851992:UZD851992 VIV851992:VIZ851992 VSR851992:VSV851992 WCN851992:WCR851992 WMJ851992:WMN851992 WWF851992:WWJ851992 X917528:AB917528 JT917528:JX917528 TP917528:TT917528 ADL917528:ADP917528 ANH917528:ANL917528 AXD917528:AXH917528 BGZ917528:BHD917528 BQV917528:BQZ917528 CAR917528:CAV917528 CKN917528:CKR917528 CUJ917528:CUN917528 DEF917528:DEJ917528 DOB917528:DOF917528 DXX917528:DYB917528 EHT917528:EHX917528 ERP917528:ERT917528 FBL917528:FBP917528 FLH917528:FLL917528 FVD917528:FVH917528 GEZ917528:GFD917528 GOV917528:GOZ917528 GYR917528:GYV917528 HIN917528:HIR917528 HSJ917528:HSN917528 ICF917528:ICJ917528 IMB917528:IMF917528 IVX917528:IWB917528 JFT917528:JFX917528 JPP917528:JPT917528 JZL917528:JZP917528 KJH917528:KJL917528 KTD917528:KTH917528 LCZ917528:LDD917528 LMV917528:LMZ917528 LWR917528:LWV917528 MGN917528:MGR917528 MQJ917528:MQN917528 NAF917528:NAJ917528 NKB917528:NKF917528 NTX917528:NUB917528 ODT917528:ODX917528 ONP917528:ONT917528 OXL917528:OXP917528 PHH917528:PHL917528 PRD917528:PRH917528 QAZ917528:QBD917528 QKV917528:QKZ917528 QUR917528:QUV917528 REN917528:RER917528 ROJ917528:RON917528 RYF917528:RYJ917528 SIB917528:SIF917528 SRX917528:SSB917528 TBT917528:TBX917528 TLP917528:TLT917528 TVL917528:TVP917528 UFH917528:UFL917528 UPD917528:UPH917528 UYZ917528:UZD917528 VIV917528:VIZ917528 VSR917528:VSV917528 WCN917528:WCR917528 WMJ917528:WMN917528 WWF917528:WWJ917528 X983064:AB983064 JT983064:JX983064 TP983064:TT983064 ADL983064:ADP983064 ANH983064:ANL983064 AXD983064:AXH983064 BGZ983064:BHD983064 BQV983064:BQZ983064 CAR983064:CAV983064 CKN983064:CKR983064 CUJ983064:CUN983064 DEF983064:DEJ983064 DOB983064:DOF983064 DXX983064:DYB983064 EHT983064:EHX983064 ERP983064:ERT983064 FBL983064:FBP983064 FLH983064:FLL983064 FVD983064:FVH983064 GEZ983064:GFD983064 GOV983064:GOZ983064 GYR983064:GYV983064 HIN983064:HIR983064 HSJ983064:HSN983064 ICF983064:ICJ983064 IMB983064:IMF983064 IVX983064:IWB983064 JFT983064:JFX983064 JPP983064:JPT983064 JZL983064:JZP983064 KJH983064:KJL983064 KTD983064:KTH983064 LCZ983064:LDD983064 LMV983064:LMZ983064 LWR983064:LWV983064 MGN983064:MGR983064 MQJ983064:MQN983064 NAF983064:NAJ983064 NKB983064:NKF983064 NTX983064:NUB983064 ODT983064:ODX983064 ONP983064:ONT983064 OXL983064:OXP983064 PHH983064:PHL983064 PRD983064:PRH983064 QAZ983064:QBD983064 QKV983064:QKZ983064 QUR983064:QUV983064 REN983064:RER983064 ROJ983064:RON983064 RYF983064:RYJ983064 SIB983064:SIF983064 SRX983064:SSB983064 TBT983064:TBX983064 TLP983064:TLT983064 TVL983064:TVP983064 UFH983064:UFL983064 UPD983064:UPH983064 UYZ983064:UZD983064 VIV983064:VIZ983064 VSR983064:VSV983064 WCN983064:WCR983064 WMJ983064:WMN983064 WWF983064:WWJ983064" xr:uid="{00000000-0002-0000-0100-000009000000}"/>
    <dataValidation imeMode="halfAlpha" allowBlank="1" showInputMessage="1" showErrorMessage="1" promptTitle="希望小売価格（税込）" prompt="製造業者が設定した小売価格を記入。_x000a_税抜価格と税率を入力すると小数点第１位切り捨てで計算されます。_x000a__x000a_卸値（ネット・納品価格）も同時に尋ねられますので、答えられるようにしておくと良いです。" sqref="AB17:AC18 JX17:JY18 TT17:TU18 ADP17:ADQ18 ANL17:ANM18 AXH17:AXI18 BHD17:BHE18 BQZ17:BRA18 CAV17:CAW18 CKR17:CKS18 CUN17:CUO18 DEJ17:DEK18 DOF17:DOG18 DYB17:DYC18 EHX17:EHY18 ERT17:ERU18 FBP17:FBQ18 FLL17:FLM18 FVH17:FVI18 GFD17:GFE18 GOZ17:GPA18 GYV17:GYW18 HIR17:HIS18 HSN17:HSO18 ICJ17:ICK18 IMF17:IMG18 IWB17:IWC18 JFX17:JFY18 JPT17:JPU18 JZP17:JZQ18 KJL17:KJM18 KTH17:KTI18 LDD17:LDE18 LMZ17:LNA18 LWV17:LWW18 MGR17:MGS18 MQN17:MQO18 NAJ17:NAK18 NKF17:NKG18 NUB17:NUC18 ODX17:ODY18 ONT17:ONU18 OXP17:OXQ18 PHL17:PHM18 PRH17:PRI18 QBD17:QBE18 QKZ17:QLA18 QUV17:QUW18 RER17:RES18 RON17:ROO18 RYJ17:RYK18 SIF17:SIG18 SSB17:SSC18 TBX17:TBY18 TLT17:TLU18 TVP17:TVQ18 UFL17:UFM18 UPH17:UPI18 UZD17:UZE18 VIZ17:VJA18 VSV17:VSW18 WCR17:WCS18 WMN17:WMO18 WWJ17:WWK18 AB65553:AC65554 JX65553:JY65554 TT65553:TU65554 ADP65553:ADQ65554 ANL65553:ANM65554 AXH65553:AXI65554 BHD65553:BHE65554 BQZ65553:BRA65554 CAV65553:CAW65554 CKR65553:CKS65554 CUN65553:CUO65554 DEJ65553:DEK65554 DOF65553:DOG65554 DYB65553:DYC65554 EHX65553:EHY65554 ERT65553:ERU65554 FBP65553:FBQ65554 FLL65553:FLM65554 FVH65553:FVI65554 GFD65553:GFE65554 GOZ65553:GPA65554 GYV65553:GYW65554 HIR65553:HIS65554 HSN65553:HSO65554 ICJ65553:ICK65554 IMF65553:IMG65554 IWB65553:IWC65554 JFX65553:JFY65554 JPT65553:JPU65554 JZP65553:JZQ65554 KJL65553:KJM65554 KTH65553:KTI65554 LDD65553:LDE65554 LMZ65553:LNA65554 LWV65553:LWW65554 MGR65553:MGS65554 MQN65553:MQO65554 NAJ65553:NAK65554 NKF65553:NKG65554 NUB65553:NUC65554 ODX65553:ODY65554 ONT65553:ONU65554 OXP65553:OXQ65554 PHL65553:PHM65554 PRH65553:PRI65554 QBD65553:QBE65554 QKZ65553:QLA65554 QUV65553:QUW65554 RER65553:RES65554 RON65553:ROO65554 RYJ65553:RYK65554 SIF65553:SIG65554 SSB65553:SSC65554 TBX65553:TBY65554 TLT65553:TLU65554 TVP65553:TVQ65554 UFL65553:UFM65554 UPH65553:UPI65554 UZD65553:UZE65554 VIZ65553:VJA65554 VSV65553:VSW65554 WCR65553:WCS65554 WMN65553:WMO65554 WWJ65553:WWK65554 AB131089:AC131090 JX131089:JY131090 TT131089:TU131090 ADP131089:ADQ131090 ANL131089:ANM131090 AXH131089:AXI131090 BHD131089:BHE131090 BQZ131089:BRA131090 CAV131089:CAW131090 CKR131089:CKS131090 CUN131089:CUO131090 DEJ131089:DEK131090 DOF131089:DOG131090 DYB131089:DYC131090 EHX131089:EHY131090 ERT131089:ERU131090 FBP131089:FBQ131090 FLL131089:FLM131090 FVH131089:FVI131090 GFD131089:GFE131090 GOZ131089:GPA131090 GYV131089:GYW131090 HIR131089:HIS131090 HSN131089:HSO131090 ICJ131089:ICK131090 IMF131089:IMG131090 IWB131089:IWC131090 JFX131089:JFY131090 JPT131089:JPU131090 JZP131089:JZQ131090 KJL131089:KJM131090 KTH131089:KTI131090 LDD131089:LDE131090 LMZ131089:LNA131090 LWV131089:LWW131090 MGR131089:MGS131090 MQN131089:MQO131090 NAJ131089:NAK131090 NKF131089:NKG131090 NUB131089:NUC131090 ODX131089:ODY131090 ONT131089:ONU131090 OXP131089:OXQ131090 PHL131089:PHM131090 PRH131089:PRI131090 QBD131089:QBE131090 QKZ131089:QLA131090 QUV131089:QUW131090 RER131089:RES131090 RON131089:ROO131090 RYJ131089:RYK131090 SIF131089:SIG131090 SSB131089:SSC131090 TBX131089:TBY131090 TLT131089:TLU131090 TVP131089:TVQ131090 UFL131089:UFM131090 UPH131089:UPI131090 UZD131089:UZE131090 VIZ131089:VJA131090 VSV131089:VSW131090 WCR131089:WCS131090 WMN131089:WMO131090 WWJ131089:WWK131090 AB196625:AC196626 JX196625:JY196626 TT196625:TU196626 ADP196625:ADQ196626 ANL196625:ANM196626 AXH196625:AXI196626 BHD196625:BHE196626 BQZ196625:BRA196626 CAV196625:CAW196626 CKR196625:CKS196626 CUN196625:CUO196626 DEJ196625:DEK196626 DOF196625:DOG196626 DYB196625:DYC196626 EHX196625:EHY196626 ERT196625:ERU196626 FBP196625:FBQ196626 FLL196625:FLM196626 FVH196625:FVI196626 GFD196625:GFE196626 GOZ196625:GPA196626 GYV196625:GYW196626 HIR196625:HIS196626 HSN196625:HSO196626 ICJ196625:ICK196626 IMF196625:IMG196626 IWB196625:IWC196626 JFX196625:JFY196626 JPT196625:JPU196626 JZP196625:JZQ196626 KJL196625:KJM196626 KTH196625:KTI196626 LDD196625:LDE196626 LMZ196625:LNA196626 LWV196625:LWW196626 MGR196625:MGS196626 MQN196625:MQO196626 NAJ196625:NAK196626 NKF196625:NKG196626 NUB196625:NUC196626 ODX196625:ODY196626 ONT196625:ONU196626 OXP196625:OXQ196626 PHL196625:PHM196626 PRH196625:PRI196626 QBD196625:QBE196626 QKZ196625:QLA196626 QUV196625:QUW196626 RER196625:RES196626 RON196625:ROO196626 RYJ196625:RYK196626 SIF196625:SIG196626 SSB196625:SSC196626 TBX196625:TBY196626 TLT196625:TLU196626 TVP196625:TVQ196626 UFL196625:UFM196626 UPH196625:UPI196626 UZD196625:UZE196626 VIZ196625:VJA196626 VSV196625:VSW196626 WCR196625:WCS196626 WMN196625:WMO196626 WWJ196625:WWK196626 AB262161:AC262162 JX262161:JY262162 TT262161:TU262162 ADP262161:ADQ262162 ANL262161:ANM262162 AXH262161:AXI262162 BHD262161:BHE262162 BQZ262161:BRA262162 CAV262161:CAW262162 CKR262161:CKS262162 CUN262161:CUO262162 DEJ262161:DEK262162 DOF262161:DOG262162 DYB262161:DYC262162 EHX262161:EHY262162 ERT262161:ERU262162 FBP262161:FBQ262162 FLL262161:FLM262162 FVH262161:FVI262162 GFD262161:GFE262162 GOZ262161:GPA262162 GYV262161:GYW262162 HIR262161:HIS262162 HSN262161:HSO262162 ICJ262161:ICK262162 IMF262161:IMG262162 IWB262161:IWC262162 JFX262161:JFY262162 JPT262161:JPU262162 JZP262161:JZQ262162 KJL262161:KJM262162 KTH262161:KTI262162 LDD262161:LDE262162 LMZ262161:LNA262162 LWV262161:LWW262162 MGR262161:MGS262162 MQN262161:MQO262162 NAJ262161:NAK262162 NKF262161:NKG262162 NUB262161:NUC262162 ODX262161:ODY262162 ONT262161:ONU262162 OXP262161:OXQ262162 PHL262161:PHM262162 PRH262161:PRI262162 QBD262161:QBE262162 QKZ262161:QLA262162 QUV262161:QUW262162 RER262161:RES262162 RON262161:ROO262162 RYJ262161:RYK262162 SIF262161:SIG262162 SSB262161:SSC262162 TBX262161:TBY262162 TLT262161:TLU262162 TVP262161:TVQ262162 UFL262161:UFM262162 UPH262161:UPI262162 UZD262161:UZE262162 VIZ262161:VJA262162 VSV262161:VSW262162 WCR262161:WCS262162 WMN262161:WMO262162 WWJ262161:WWK262162 AB327697:AC327698 JX327697:JY327698 TT327697:TU327698 ADP327697:ADQ327698 ANL327697:ANM327698 AXH327697:AXI327698 BHD327697:BHE327698 BQZ327697:BRA327698 CAV327697:CAW327698 CKR327697:CKS327698 CUN327697:CUO327698 DEJ327697:DEK327698 DOF327697:DOG327698 DYB327697:DYC327698 EHX327697:EHY327698 ERT327697:ERU327698 FBP327697:FBQ327698 FLL327697:FLM327698 FVH327697:FVI327698 GFD327697:GFE327698 GOZ327697:GPA327698 GYV327697:GYW327698 HIR327697:HIS327698 HSN327697:HSO327698 ICJ327697:ICK327698 IMF327697:IMG327698 IWB327697:IWC327698 JFX327697:JFY327698 JPT327697:JPU327698 JZP327697:JZQ327698 KJL327697:KJM327698 KTH327697:KTI327698 LDD327697:LDE327698 LMZ327697:LNA327698 LWV327697:LWW327698 MGR327697:MGS327698 MQN327697:MQO327698 NAJ327697:NAK327698 NKF327697:NKG327698 NUB327697:NUC327698 ODX327697:ODY327698 ONT327697:ONU327698 OXP327697:OXQ327698 PHL327697:PHM327698 PRH327697:PRI327698 QBD327697:QBE327698 QKZ327697:QLA327698 QUV327697:QUW327698 RER327697:RES327698 RON327697:ROO327698 RYJ327697:RYK327698 SIF327697:SIG327698 SSB327697:SSC327698 TBX327697:TBY327698 TLT327697:TLU327698 TVP327697:TVQ327698 UFL327697:UFM327698 UPH327697:UPI327698 UZD327697:UZE327698 VIZ327697:VJA327698 VSV327697:VSW327698 WCR327697:WCS327698 WMN327697:WMO327698 WWJ327697:WWK327698 AB393233:AC393234 JX393233:JY393234 TT393233:TU393234 ADP393233:ADQ393234 ANL393233:ANM393234 AXH393233:AXI393234 BHD393233:BHE393234 BQZ393233:BRA393234 CAV393233:CAW393234 CKR393233:CKS393234 CUN393233:CUO393234 DEJ393233:DEK393234 DOF393233:DOG393234 DYB393233:DYC393234 EHX393233:EHY393234 ERT393233:ERU393234 FBP393233:FBQ393234 FLL393233:FLM393234 FVH393233:FVI393234 GFD393233:GFE393234 GOZ393233:GPA393234 GYV393233:GYW393234 HIR393233:HIS393234 HSN393233:HSO393234 ICJ393233:ICK393234 IMF393233:IMG393234 IWB393233:IWC393234 JFX393233:JFY393234 JPT393233:JPU393234 JZP393233:JZQ393234 KJL393233:KJM393234 KTH393233:KTI393234 LDD393233:LDE393234 LMZ393233:LNA393234 LWV393233:LWW393234 MGR393233:MGS393234 MQN393233:MQO393234 NAJ393233:NAK393234 NKF393233:NKG393234 NUB393233:NUC393234 ODX393233:ODY393234 ONT393233:ONU393234 OXP393233:OXQ393234 PHL393233:PHM393234 PRH393233:PRI393234 QBD393233:QBE393234 QKZ393233:QLA393234 QUV393233:QUW393234 RER393233:RES393234 RON393233:ROO393234 RYJ393233:RYK393234 SIF393233:SIG393234 SSB393233:SSC393234 TBX393233:TBY393234 TLT393233:TLU393234 TVP393233:TVQ393234 UFL393233:UFM393234 UPH393233:UPI393234 UZD393233:UZE393234 VIZ393233:VJA393234 VSV393233:VSW393234 WCR393233:WCS393234 WMN393233:WMO393234 WWJ393233:WWK393234 AB458769:AC458770 JX458769:JY458770 TT458769:TU458770 ADP458769:ADQ458770 ANL458769:ANM458770 AXH458769:AXI458770 BHD458769:BHE458770 BQZ458769:BRA458770 CAV458769:CAW458770 CKR458769:CKS458770 CUN458769:CUO458770 DEJ458769:DEK458770 DOF458769:DOG458770 DYB458769:DYC458770 EHX458769:EHY458770 ERT458769:ERU458770 FBP458769:FBQ458770 FLL458769:FLM458770 FVH458769:FVI458770 GFD458769:GFE458770 GOZ458769:GPA458770 GYV458769:GYW458770 HIR458769:HIS458770 HSN458769:HSO458770 ICJ458769:ICK458770 IMF458769:IMG458770 IWB458769:IWC458770 JFX458769:JFY458770 JPT458769:JPU458770 JZP458769:JZQ458770 KJL458769:KJM458770 KTH458769:KTI458770 LDD458769:LDE458770 LMZ458769:LNA458770 LWV458769:LWW458770 MGR458769:MGS458770 MQN458769:MQO458770 NAJ458769:NAK458770 NKF458769:NKG458770 NUB458769:NUC458770 ODX458769:ODY458770 ONT458769:ONU458770 OXP458769:OXQ458770 PHL458769:PHM458770 PRH458769:PRI458770 QBD458769:QBE458770 QKZ458769:QLA458770 QUV458769:QUW458770 RER458769:RES458770 RON458769:ROO458770 RYJ458769:RYK458770 SIF458769:SIG458770 SSB458769:SSC458770 TBX458769:TBY458770 TLT458769:TLU458770 TVP458769:TVQ458770 UFL458769:UFM458770 UPH458769:UPI458770 UZD458769:UZE458770 VIZ458769:VJA458770 VSV458769:VSW458770 WCR458769:WCS458770 WMN458769:WMO458770 WWJ458769:WWK458770 AB524305:AC524306 JX524305:JY524306 TT524305:TU524306 ADP524305:ADQ524306 ANL524305:ANM524306 AXH524305:AXI524306 BHD524305:BHE524306 BQZ524305:BRA524306 CAV524305:CAW524306 CKR524305:CKS524306 CUN524305:CUO524306 DEJ524305:DEK524306 DOF524305:DOG524306 DYB524305:DYC524306 EHX524305:EHY524306 ERT524305:ERU524306 FBP524305:FBQ524306 FLL524305:FLM524306 FVH524305:FVI524306 GFD524305:GFE524306 GOZ524305:GPA524306 GYV524305:GYW524306 HIR524305:HIS524306 HSN524305:HSO524306 ICJ524305:ICK524306 IMF524305:IMG524306 IWB524305:IWC524306 JFX524305:JFY524306 JPT524305:JPU524306 JZP524305:JZQ524306 KJL524305:KJM524306 KTH524305:KTI524306 LDD524305:LDE524306 LMZ524305:LNA524306 LWV524305:LWW524306 MGR524305:MGS524306 MQN524305:MQO524306 NAJ524305:NAK524306 NKF524305:NKG524306 NUB524305:NUC524306 ODX524305:ODY524306 ONT524305:ONU524306 OXP524305:OXQ524306 PHL524305:PHM524306 PRH524305:PRI524306 QBD524305:QBE524306 QKZ524305:QLA524306 QUV524305:QUW524306 RER524305:RES524306 RON524305:ROO524306 RYJ524305:RYK524306 SIF524305:SIG524306 SSB524305:SSC524306 TBX524305:TBY524306 TLT524305:TLU524306 TVP524305:TVQ524306 UFL524305:UFM524306 UPH524305:UPI524306 UZD524305:UZE524306 VIZ524305:VJA524306 VSV524305:VSW524306 WCR524305:WCS524306 WMN524305:WMO524306 WWJ524305:WWK524306 AB589841:AC589842 JX589841:JY589842 TT589841:TU589842 ADP589841:ADQ589842 ANL589841:ANM589842 AXH589841:AXI589842 BHD589841:BHE589842 BQZ589841:BRA589842 CAV589841:CAW589842 CKR589841:CKS589842 CUN589841:CUO589842 DEJ589841:DEK589842 DOF589841:DOG589842 DYB589841:DYC589842 EHX589841:EHY589842 ERT589841:ERU589842 FBP589841:FBQ589842 FLL589841:FLM589842 FVH589841:FVI589842 GFD589841:GFE589842 GOZ589841:GPA589842 GYV589841:GYW589842 HIR589841:HIS589842 HSN589841:HSO589842 ICJ589841:ICK589842 IMF589841:IMG589842 IWB589841:IWC589842 JFX589841:JFY589842 JPT589841:JPU589842 JZP589841:JZQ589842 KJL589841:KJM589842 KTH589841:KTI589842 LDD589841:LDE589842 LMZ589841:LNA589842 LWV589841:LWW589842 MGR589841:MGS589842 MQN589841:MQO589842 NAJ589841:NAK589842 NKF589841:NKG589842 NUB589841:NUC589842 ODX589841:ODY589842 ONT589841:ONU589842 OXP589841:OXQ589842 PHL589841:PHM589842 PRH589841:PRI589842 QBD589841:QBE589842 QKZ589841:QLA589842 QUV589841:QUW589842 RER589841:RES589842 RON589841:ROO589842 RYJ589841:RYK589842 SIF589841:SIG589842 SSB589841:SSC589842 TBX589841:TBY589842 TLT589841:TLU589842 TVP589841:TVQ589842 UFL589841:UFM589842 UPH589841:UPI589842 UZD589841:UZE589842 VIZ589841:VJA589842 VSV589841:VSW589842 WCR589841:WCS589842 WMN589841:WMO589842 WWJ589841:WWK589842 AB655377:AC655378 JX655377:JY655378 TT655377:TU655378 ADP655377:ADQ655378 ANL655377:ANM655378 AXH655377:AXI655378 BHD655377:BHE655378 BQZ655377:BRA655378 CAV655377:CAW655378 CKR655377:CKS655378 CUN655377:CUO655378 DEJ655377:DEK655378 DOF655377:DOG655378 DYB655377:DYC655378 EHX655377:EHY655378 ERT655377:ERU655378 FBP655377:FBQ655378 FLL655377:FLM655378 FVH655377:FVI655378 GFD655377:GFE655378 GOZ655377:GPA655378 GYV655377:GYW655378 HIR655377:HIS655378 HSN655377:HSO655378 ICJ655377:ICK655378 IMF655377:IMG655378 IWB655377:IWC655378 JFX655377:JFY655378 JPT655377:JPU655378 JZP655377:JZQ655378 KJL655377:KJM655378 KTH655377:KTI655378 LDD655377:LDE655378 LMZ655377:LNA655378 LWV655377:LWW655378 MGR655377:MGS655378 MQN655377:MQO655378 NAJ655377:NAK655378 NKF655377:NKG655378 NUB655377:NUC655378 ODX655377:ODY655378 ONT655377:ONU655378 OXP655377:OXQ655378 PHL655377:PHM655378 PRH655377:PRI655378 QBD655377:QBE655378 QKZ655377:QLA655378 QUV655377:QUW655378 RER655377:RES655378 RON655377:ROO655378 RYJ655377:RYK655378 SIF655377:SIG655378 SSB655377:SSC655378 TBX655377:TBY655378 TLT655377:TLU655378 TVP655377:TVQ655378 UFL655377:UFM655378 UPH655377:UPI655378 UZD655377:UZE655378 VIZ655377:VJA655378 VSV655377:VSW655378 WCR655377:WCS655378 WMN655377:WMO655378 WWJ655377:WWK655378 AB720913:AC720914 JX720913:JY720914 TT720913:TU720914 ADP720913:ADQ720914 ANL720913:ANM720914 AXH720913:AXI720914 BHD720913:BHE720914 BQZ720913:BRA720914 CAV720913:CAW720914 CKR720913:CKS720914 CUN720913:CUO720914 DEJ720913:DEK720914 DOF720913:DOG720914 DYB720913:DYC720914 EHX720913:EHY720914 ERT720913:ERU720914 FBP720913:FBQ720914 FLL720913:FLM720914 FVH720913:FVI720914 GFD720913:GFE720914 GOZ720913:GPA720914 GYV720913:GYW720914 HIR720913:HIS720914 HSN720913:HSO720914 ICJ720913:ICK720914 IMF720913:IMG720914 IWB720913:IWC720914 JFX720913:JFY720914 JPT720913:JPU720914 JZP720913:JZQ720914 KJL720913:KJM720914 KTH720913:KTI720914 LDD720913:LDE720914 LMZ720913:LNA720914 LWV720913:LWW720914 MGR720913:MGS720914 MQN720913:MQO720914 NAJ720913:NAK720914 NKF720913:NKG720914 NUB720913:NUC720914 ODX720913:ODY720914 ONT720913:ONU720914 OXP720913:OXQ720914 PHL720913:PHM720914 PRH720913:PRI720914 QBD720913:QBE720914 QKZ720913:QLA720914 QUV720913:QUW720914 RER720913:RES720914 RON720913:ROO720914 RYJ720913:RYK720914 SIF720913:SIG720914 SSB720913:SSC720914 TBX720913:TBY720914 TLT720913:TLU720914 TVP720913:TVQ720914 UFL720913:UFM720914 UPH720913:UPI720914 UZD720913:UZE720914 VIZ720913:VJA720914 VSV720913:VSW720914 WCR720913:WCS720914 WMN720913:WMO720914 WWJ720913:WWK720914 AB786449:AC786450 JX786449:JY786450 TT786449:TU786450 ADP786449:ADQ786450 ANL786449:ANM786450 AXH786449:AXI786450 BHD786449:BHE786450 BQZ786449:BRA786450 CAV786449:CAW786450 CKR786449:CKS786450 CUN786449:CUO786450 DEJ786449:DEK786450 DOF786449:DOG786450 DYB786449:DYC786450 EHX786449:EHY786450 ERT786449:ERU786450 FBP786449:FBQ786450 FLL786449:FLM786450 FVH786449:FVI786450 GFD786449:GFE786450 GOZ786449:GPA786450 GYV786449:GYW786450 HIR786449:HIS786450 HSN786449:HSO786450 ICJ786449:ICK786450 IMF786449:IMG786450 IWB786449:IWC786450 JFX786449:JFY786450 JPT786449:JPU786450 JZP786449:JZQ786450 KJL786449:KJM786450 KTH786449:KTI786450 LDD786449:LDE786450 LMZ786449:LNA786450 LWV786449:LWW786450 MGR786449:MGS786450 MQN786449:MQO786450 NAJ786449:NAK786450 NKF786449:NKG786450 NUB786449:NUC786450 ODX786449:ODY786450 ONT786449:ONU786450 OXP786449:OXQ786450 PHL786449:PHM786450 PRH786449:PRI786450 QBD786449:QBE786450 QKZ786449:QLA786450 QUV786449:QUW786450 RER786449:RES786450 RON786449:ROO786450 RYJ786449:RYK786450 SIF786449:SIG786450 SSB786449:SSC786450 TBX786449:TBY786450 TLT786449:TLU786450 TVP786449:TVQ786450 UFL786449:UFM786450 UPH786449:UPI786450 UZD786449:UZE786450 VIZ786449:VJA786450 VSV786449:VSW786450 WCR786449:WCS786450 WMN786449:WMO786450 WWJ786449:WWK786450 AB851985:AC851986 JX851985:JY851986 TT851985:TU851986 ADP851985:ADQ851986 ANL851985:ANM851986 AXH851985:AXI851986 BHD851985:BHE851986 BQZ851985:BRA851986 CAV851985:CAW851986 CKR851985:CKS851986 CUN851985:CUO851986 DEJ851985:DEK851986 DOF851985:DOG851986 DYB851985:DYC851986 EHX851985:EHY851986 ERT851985:ERU851986 FBP851985:FBQ851986 FLL851985:FLM851986 FVH851985:FVI851986 GFD851985:GFE851986 GOZ851985:GPA851986 GYV851985:GYW851986 HIR851985:HIS851986 HSN851985:HSO851986 ICJ851985:ICK851986 IMF851985:IMG851986 IWB851985:IWC851986 JFX851985:JFY851986 JPT851985:JPU851986 JZP851985:JZQ851986 KJL851985:KJM851986 KTH851985:KTI851986 LDD851985:LDE851986 LMZ851985:LNA851986 LWV851985:LWW851986 MGR851985:MGS851986 MQN851985:MQO851986 NAJ851985:NAK851986 NKF851985:NKG851986 NUB851985:NUC851986 ODX851985:ODY851986 ONT851985:ONU851986 OXP851985:OXQ851986 PHL851985:PHM851986 PRH851985:PRI851986 QBD851985:QBE851986 QKZ851985:QLA851986 QUV851985:QUW851986 RER851985:RES851986 RON851985:ROO851986 RYJ851985:RYK851986 SIF851985:SIG851986 SSB851985:SSC851986 TBX851985:TBY851986 TLT851985:TLU851986 TVP851985:TVQ851986 UFL851985:UFM851986 UPH851985:UPI851986 UZD851985:UZE851986 VIZ851985:VJA851986 VSV851985:VSW851986 WCR851985:WCS851986 WMN851985:WMO851986 WWJ851985:WWK851986 AB917521:AC917522 JX917521:JY917522 TT917521:TU917522 ADP917521:ADQ917522 ANL917521:ANM917522 AXH917521:AXI917522 BHD917521:BHE917522 BQZ917521:BRA917522 CAV917521:CAW917522 CKR917521:CKS917522 CUN917521:CUO917522 DEJ917521:DEK917522 DOF917521:DOG917522 DYB917521:DYC917522 EHX917521:EHY917522 ERT917521:ERU917522 FBP917521:FBQ917522 FLL917521:FLM917522 FVH917521:FVI917522 GFD917521:GFE917522 GOZ917521:GPA917522 GYV917521:GYW917522 HIR917521:HIS917522 HSN917521:HSO917522 ICJ917521:ICK917522 IMF917521:IMG917522 IWB917521:IWC917522 JFX917521:JFY917522 JPT917521:JPU917522 JZP917521:JZQ917522 KJL917521:KJM917522 KTH917521:KTI917522 LDD917521:LDE917522 LMZ917521:LNA917522 LWV917521:LWW917522 MGR917521:MGS917522 MQN917521:MQO917522 NAJ917521:NAK917522 NKF917521:NKG917522 NUB917521:NUC917522 ODX917521:ODY917522 ONT917521:ONU917522 OXP917521:OXQ917522 PHL917521:PHM917522 PRH917521:PRI917522 QBD917521:QBE917522 QKZ917521:QLA917522 QUV917521:QUW917522 RER917521:RES917522 RON917521:ROO917522 RYJ917521:RYK917522 SIF917521:SIG917522 SSB917521:SSC917522 TBX917521:TBY917522 TLT917521:TLU917522 TVP917521:TVQ917522 UFL917521:UFM917522 UPH917521:UPI917522 UZD917521:UZE917522 VIZ917521:VJA917522 VSV917521:VSW917522 WCR917521:WCS917522 WMN917521:WMO917522 WWJ917521:WWK917522 AB983057:AC983058 JX983057:JY983058 TT983057:TU983058 ADP983057:ADQ983058 ANL983057:ANM983058 AXH983057:AXI983058 BHD983057:BHE983058 BQZ983057:BRA983058 CAV983057:CAW983058 CKR983057:CKS983058 CUN983057:CUO983058 DEJ983057:DEK983058 DOF983057:DOG983058 DYB983057:DYC983058 EHX983057:EHY983058 ERT983057:ERU983058 FBP983057:FBQ983058 FLL983057:FLM983058 FVH983057:FVI983058 GFD983057:GFE983058 GOZ983057:GPA983058 GYV983057:GYW983058 HIR983057:HIS983058 HSN983057:HSO983058 ICJ983057:ICK983058 IMF983057:IMG983058 IWB983057:IWC983058 JFX983057:JFY983058 JPT983057:JPU983058 JZP983057:JZQ983058 KJL983057:KJM983058 KTH983057:KTI983058 LDD983057:LDE983058 LMZ983057:LNA983058 LWV983057:LWW983058 MGR983057:MGS983058 MQN983057:MQO983058 NAJ983057:NAK983058 NKF983057:NKG983058 NUB983057:NUC983058 ODX983057:ODY983058 ONT983057:ONU983058 OXP983057:OXQ983058 PHL983057:PHM983058 PRH983057:PRI983058 QBD983057:QBE983058 QKZ983057:QLA983058 QUV983057:QUW983058 RER983057:RES983058 RON983057:ROO983058 RYJ983057:RYK983058 SIF983057:SIG983058 SSB983057:SSC983058 TBX983057:TBY983058 TLT983057:TLU983058 TVP983057:TVQ983058 UFL983057:UFM983058 UPH983057:UPI983058 UZD983057:UZE983058 VIZ983057:VJA983058 VSV983057:VSW983058 WCR983057:WCS983058 WMN983057:WMO983058 WWJ983057:WWK983058" xr:uid="{00000000-0002-0000-0100-00000A000000}"/>
    <dataValidation allowBlank="1" showInputMessage="1" showErrorMessage="1" promptTitle="賞味期限と消費期限" prompt="食品の情報を把握している製造業者等が科学的、合理的根拠をもって適正に設定。全ての加工食品には、賞味期限又は消費期限のどちらかの期限表示が表示されています。（一部の食品を除く）" sqref="Q13 JM13 TI13 ADE13 ANA13 AWW13 BGS13 BQO13 CAK13 CKG13 CUC13 DDY13 DNU13 DXQ13 EHM13 ERI13 FBE13 FLA13 FUW13 GES13 GOO13 GYK13 HIG13 HSC13 IBY13 ILU13 IVQ13 JFM13 JPI13 JZE13 KJA13 KSW13 LCS13 LMO13 LWK13 MGG13 MQC13 MZY13 NJU13 NTQ13 ODM13 ONI13 OXE13 PHA13 PQW13 QAS13 QKO13 QUK13 REG13 ROC13 RXY13 SHU13 SRQ13 TBM13 TLI13 TVE13 UFA13 UOW13 UYS13 VIO13 VSK13 WCG13 WMC13 WVY13 Q65549 JM65549 TI65549 ADE65549 ANA65549 AWW65549 BGS65549 BQO65549 CAK65549 CKG65549 CUC65549 DDY65549 DNU65549 DXQ65549 EHM65549 ERI65549 FBE65549 FLA65549 FUW65549 GES65549 GOO65549 GYK65549 HIG65549 HSC65549 IBY65549 ILU65549 IVQ65549 JFM65549 JPI65549 JZE65549 KJA65549 KSW65549 LCS65549 LMO65549 LWK65549 MGG65549 MQC65549 MZY65549 NJU65549 NTQ65549 ODM65549 ONI65549 OXE65549 PHA65549 PQW65549 QAS65549 QKO65549 QUK65549 REG65549 ROC65549 RXY65549 SHU65549 SRQ65549 TBM65549 TLI65549 TVE65549 UFA65549 UOW65549 UYS65549 VIO65549 VSK65549 WCG65549 WMC65549 WVY65549 Q131085 JM131085 TI131085 ADE131085 ANA131085 AWW131085 BGS131085 BQO131085 CAK131085 CKG131085 CUC131085 DDY131085 DNU131085 DXQ131085 EHM131085 ERI131085 FBE131085 FLA131085 FUW131085 GES131085 GOO131085 GYK131085 HIG131085 HSC131085 IBY131085 ILU131085 IVQ131085 JFM131085 JPI131085 JZE131085 KJA131085 KSW131085 LCS131085 LMO131085 LWK131085 MGG131085 MQC131085 MZY131085 NJU131085 NTQ131085 ODM131085 ONI131085 OXE131085 PHA131085 PQW131085 QAS131085 QKO131085 QUK131085 REG131085 ROC131085 RXY131085 SHU131085 SRQ131085 TBM131085 TLI131085 TVE131085 UFA131085 UOW131085 UYS131085 VIO131085 VSK131085 WCG131085 WMC131085 WVY131085 Q196621 JM196621 TI196621 ADE196621 ANA196621 AWW196621 BGS196621 BQO196621 CAK196621 CKG196621 CUC196621 DDY196621 DNU196621 DXQ196621 EHM196621 ERI196621 FBE196621 FLA196621 FUW196621 GES196621 GOO196621 GYK196621 HIG196621 HSC196621 IBY196621 ILU196621 IVQ196621 JFM196621 JPI196621 JZE196621 KJA196621 KSW196621 LCS196621 LMO196621 LWK196621 MGG196621 MQC196621 MZY196621 NJU196621 NTQ196621 ODM196621 ONI196621 OXE196621 PHA196621 PQW196621 QAS196621 QKO196621 QUK196621 REG196621 ROC196621 RXY196621 SHU196621 SRQ196621 TBM196621 TLI196621 TVE196621 UFA196621 UOW196621 UYS196621 VIO196621 VSK196621 WCG196621 WMC196621 WVY196621 Q262157 JM262157 TI262157 ADE262157 ANA262157 AWW262157 BGS262157 BQO262157 CAK262157 CKG262157 CUC262157 DDY262157 DNU262157 DXQ262157 EHM262157 ERI262157 FBE262157 FLA262157 FUW262157 GES262157 GOO262157 GYK262157 HIG262157 HSC262157 IBY262157 ILU262157 IVQ262157 JFM262157 JPI262157 JZE262157 KJA262157 KSW262157 LCS262157 LMO262157 LWK262157 MGG262157 MQC262157 MZY262157 NJU262157 NTQ262157 ODM262157 ONI262157 OXE262157 PHA262157 PQW262157 QAS262157 QKO262157 QUK262157 REG262157 ROC262157 RXY262157 SHU262157 SRQ262157 TBM262157 TLI262157 TVE262157 UFA262157 UOW262157 UYS262157 VIO262157 VSK262157 WCG262157 WMC262157 WVY262157 Q327693 JM327693 TI327693 ADE327693 ANA327693 AWW327693 BGS327693 BQO327693 CAK327693 CKG327693 CUC327693 DDY327693 DNU327693 DXQ327693 EHM327693 ERI327693 FBE327693 FLA327693 FUW327693 GES327693 GOO327693 GYK327693 HIG327693 HSC327693 IBY327693 ILU327693 IVQ327693 JFM327693 JPI327693 JZE327693 KJA327693 KSW327693 LCS327693 LMO327693 LWK327693 MGG327693 MQC327693 MZY327693 NJU327693 NTQ327693 ODM327693 ONI327693 OXE327693 PHA327693 PQW327693 QAS327693 QKO327693 QUK327693 REG327693 ROC327693 RXY327693 SHU327693 SRQ327693 TBM327693 TLI327693 TVE327693 UFA327693 UOW327693 UYS327693 VIO327693 VSK327693 WCG327693 WMC327693 WVY327693 Q393229 JM393229 TI393229 ADE393229 ANA393229 AWW393229 BGS393229 BQO393229 CAK393229 CKG393229 CUC393229 DDY393229 DNU393229 DXQ393229 EHM393229 ERI393229 FBE393229 FLA393229 FUW393229 GES393229 GOO393229 GYK393229 HIG393229 HSC393229 IBY393229 ILU393229 IVQ393229 JFM393229 JPI393229 JZE393229 KJA393229 KSW393229 LCS393229 LMO393229 LWK393229 MGG393229 MQC393229 MZY393229 NJU393229 NTQ393229 ODM393229 ONI393229 OXE393229 PHA393229 PQW393229 QAS393229 QKO393229 QUK393229 REG393229 ROC393229 RXY393229 SHU393229 SRQ393229 TBM393229 TLI393229 TVE393229 UFA393229 UOW393229 UYS393229 VIO393229 VSK393229 WCG393229 WMC393229 WVY393229 Q458765 JM458765 TI458765 ADE458765 ANA458765 AWW458765 BGS458765 BQO458765 CAK458765 CKG458765 CUC458765 DDY458765 DNU458765 DXQ458765 EHM458765 ERI458765 FBE458765 FLA458765 FUW458765 GES458765 GOO458765 GYK458765 HIG458765 HSC458765 IBY458765 ILU458765 IVQ458765 JFM458765 JPI458765 JZE458765 KJA458765 KSW458765 LCS458765 LMO458765 LWK458765 MGG458765 MQC458765 MZY458765 NJU458765 NTQ458765 ODM458765 ONI458765 OXE458765 PHA458765 PQW458765 QAS458765 QKO458765 QUK458765 REG458765 ROC458765 RXY458765 SHU458765 SRQ458765 TBM458765 TLI458765 TVE458765 UFA458765 UOW458765 UYS458765 VIO458765 VSK458765 WCG458765 WMC458765 WVY458765 Q524301 JM524301 TI524301 ADE524301 ANA524301 AWW524301 BGS524301 BQO524301 CAK524301 CKG524301 CUC524301 DDY524301 DNU524301 DXQ524301 EHM524301 ERI524301 FBE524301 FLA524301 FUW524301 GES524301 GOO524301 GYK524301 HIG524301 HSC524301 IBY524301 ILU524301 IVQ524301 JFM524301 JPI524301 JZE524301 KJA524301 KSW524301 LCS524301 LMO524301 LWK524301 MGG524301 MQC524301 MZY524301 NJU524301 NTQ524301 ODM524301 ONI524301 OXE524301 PHA524301 PQW524301 QAS524301 QKO524301 QUK524301 REG524301 ROC524301 RXY524301 SHU524301 SRQ524301 TBM524301 TLI524301 TVE524301 UFA524301 UOW524301 UYS524301 VIO524301 VSK524301 WCG524301 WMC524301 WVY524301 Q589837 JM589837 TI589837 ADE589837 ANA589837 AWW589837 BGS589837 BQO589837 CAK589837 CKG589837 CUC589837 DDY589837 DNU589837 DXQ589837 EHM589837 ERI589837 FBE589837 FLA589837 FUW589837 GES589837 GOO589837 GYK589837 HIG589837 HSC589837 IBY589837 ILU589837 IVQ589837 JFM589837 JPI589837 JZE589837 KJA589837 KSW589837 LCS589837 LMO589837 LWK589837 MGG589837 MQC589837 MZY589837 NJU589837 NTQ589837 ODM589837 ONI589837 OXE589837 PHA589837 PQW589837 QAS589837 QKO589837 QUK589837 REG589837 ROC589837 RXY589837 SHU589837 SRQ589837 TBM589837 TLI589837 TVE589837 UFA589837 UOW589837 UYS589837 VIO589837 VSK589837 WCG589837 WMC589837 WVY589837 Q655373 JM655373 TI655373 ADE655373 ANA655373 AWW655373 BGS655373 BQO655373 CAK655373 CKG655373 CUC655373 DDY655373 DNU655373 DXQ655373 EHM655373 ERI655373 FBE655373 FLA655373 FUW655373 GES655373 GOO655373 GYK655373 HIG655373 HSC655373 IBY655373 ILU655373 IVQ655373 JFM655373 JPI655373 JZE655373 KJA655373 KSW655373 LCS655373 LMO655373 LWK655373 MGG655373 MQC655373 MZY655373 NJU655373 NTQ655373 ODM655373 ONI655373 OXE655373 PHA655373 PQW655373 QAS655373 QKO655373 QUK655373 REG655373 ROC655373 RXY655373 SHU655373 SRQ655373 TBM655373 TLI655373 TVE655373 UFA655373 UOW655373 UYS655373 VIO655373 VSK655373 WCG655373 WMC655373 WVY655373 Q720909 JM720909 TI720909 ADE720909 ANA720909 AWW720909 BGS720909 BQO720909 CAK720909 CKG720909 CUC720909 DDY720909 DNU720909 DXQ720909 EHM720909 ERI720909 FBE720909 FLA720909 FUW720909 GES720909 GOO720909 GYK720909 HIG720909 HSC720909 IBY720909 ILU720909 IVQ720909 JFM720909 JPI720909 JZE720909 KJA720909 KSW720909 LCS720909 LMO720909 LWK720909 MGG720909 MQC720909 MZY720909 NJU720909 NTQ720909 ODM720909 ONI720909 OXE720909 PHA720909 PQW720909 QAS720909 QKO720909 QUK720909 REG720909 ROC720909 RXY720909 SHU720909 SRQ720909 TBM720909 TLI720909 TVE720909 UFA720909 UOW720909 UYS720909 VIO720909 VSK720909 WCG720909 WMC720909 WVY720909 Q786445 JM786445 TI786445 ADE786445 ANA786445 AWW786445 BGS786445 BQO786445 CAK786445 CKG786445 CUC786445 DDY786445 DNU786445 DXQ786445 EHM786445 ERI786445 FBE786445 FLA786445 FUW786445 GES786445 GOO786445 GYK786445 HIG786445 HSC786445 IBY786445 ILU786445 IVQ786445 JFM786445 JPI786445 JZE786445 KJA786445 KSW786445 LCS786445 LMO786445 LWK786445 MGG786445 MQC786445 MZY786445 NJU786445 NTQ786445 ODM786445 ONI786445 OXE786445 PHA786445 PQW786445 QAS786445 QKO786445 QUK786445 REG786445 ROC786445 RXY786445 SHU786445 SRQ786445 TBM786445 TLI786445 TVE786445 UFA786445 UOW786445 UYS786445 VIO786445 VSK786445 WCG786445 WMC786445 WVY786445 Q851981 JM851981 TI851981 ADE851981 ANA851981 AWW851981 BGS851981 BQO851981 CAK851981 CKG851981 CUC851981 DDY851981 DNU851981 DXQ851981 EHM851981 ERI851981 FBE851981 FLA851981 FUW851981 GES851981 GOO851981 GYK851981 HIG851981 HSC851981 IBY851981 ILU851981 IVQ851981 JFM851981 JPI851981 JZE851981 KJA851981 KSW851981 LCS851981 LMO851981 LWK851981 MGG851981 MQC851981 MZY851981 NJU851981 NTQ851981 ODM851981 ONI851981 OXE851981 PHA851981 PQW851981 QAS851981 QKO851981 QUK851981 REG851981 ROC851981 RXY851981 SHU851981 SRQ851981 TBM851981 TLI851981 TVE851981 UFA851981 UOW851981 UYS851981 VIO851981 VSK851981 WCG851981 WMC851981 WVY851981 Q917517 JM917517 TI917517 ADE917517 ANA917517 AWW917517 BGS917517 BQO917517 CAK917517 CKG917517 CUC917517 DDY917517 DNU917517 DXQ917517 EHM917517 ERI917517 FBE917517 FLA917517 FUW917517 GES917517 GOO917517 GYK917517 HIG917517 HSC917517 IBY917517 ILU917517 IVQ917517 JFM917517 JPI917517 JZE917517 KJA917517 KSW917517 LCS917517 LMO917517 LWK917517 MGG917517 MQC917517 MZY917517 NJU917517 NTQ917517 ODM917517 ONI917517 OXE917517 PHA917517 PQW917517 QAS917517 QKO917517 QUK917517 REG917517 ROC917517 RXY917517 SHU917517 SRQ917517 TBM917517 TLI917517 TVE917517 UFA917517 UOW917517 UYS917517 VIO917517 VSK917517 WCG917517 WMC917517 WVY917517 Q983053 JM983053 TI983053 ADE983053 ANA983053 AWW983053 BGS983053 BQO983053 CAK983053 CKG983053 CUC983053 DDY983053 DNU983053 DXQ983053 EHM983053 ERI983053 FBE983053 FLA983053 FUW983053 GES983053 GOO983053 GYK983053 HIG983053 HSC983053 IBY983053 ILU983053 IVQ983053 JFM983053 JPI983053 JZE983053 KJA983053 KSW983053 LCS983053 LMO983053 LWK983053 MGG983053 MQC983053 MZY983053 NJU983053 NTQ983053 ODM983053 ONI983053 OXE983053 PHA983053 PQW983053 QAS983053 QKO983053 QUK983053 REG983053 ROC983053 RXY983053 SHU983053 SRQ983053 TBM983053 TLI983053 TVE983053 UFA983053 UOW983053 UYS983053 VIO983053 VSK983053 WCG983053 WMC983053 WVY983053" xr:uid="{00000000-0002-0000-0100-00000B000000}"/>
    <dataValidation imeMode="halfAlpha" allowBlank="1" showInputMessage="1" showErrorMessage="1" promptTitle="内容量" prompt="商品あたりの内容量を記載。包装した生鮮食品、及び加工食品にあっては、内容量を内容重量、内容体積又は内容数量のいずれかの方法で表示しなければなりません。" sqref="I17:M18 JE17:JI18 TA17:TE18 ACW17:ADA18 AMS17:AMW18 AWO17:AWS18 BGK17:BGO18 BQG17:BQK18 CAC17:CAG18 CJY17:CKC18 CTU17:CTY18 DDQ17:DDU18 DNM17:DNQ18 DXI17:DXM18 EHE17:EHI18 ERA17:ERE18 FAW17:FBA18 FKS17:FKW18 FUO17:FUS18 GEK17:GEO18 GOG17:GOK18 GYC17:GYG18 HHY17:HIC18 HRU17:HRY18 IBQ17:IBU18 ILM17:ILQ18 IVI17:IVM18 JFE17:JFI18 JPA17:JPE18 JYW17:JZA18 KIS17:KIW18 KSO17:KSS18 LCK17:LCO18 LMG17:LMK18 LWC17:LWG18 MFY17:MGC18 MPU17:MPY18 MZQ17:MZU18 NJM17:NJQ18 NTI17:NTM18 ODE17:ODI18 ONA17:ONE18 OWW17:OXA18 PGS17:PGW18 PQO17:PQS18 QAK17:QAO18 QKG17:QKK18 QUC17:QUG18 RDY17:REC18 RNU17:RNY18 RXQ17:RXU18 SHM17:SHQ18 SRI17:SRM18 TBE17:TBI18 TLA17:TLE18 TUW17:TVA18 UES17:UEW18 UOO17:UOS18 UYK17:UYO18 VIG17:VIK18 VSC17:VSG18 WBY17:WCC18 WLU17:WLY18 WVQ17:WVU18 I65553:M65554 JE65553:JI65554 TA65553:TE65554 ACW65553:ADA65554 AMS65553:AMW65554 AWO65553:AWS65554 BGK65553:BGO65554 BQG65553:BQK65554 CAC65553:CAG65554 CJY65553:CKC65554 CTU65553:CTY65554 DDQ65553:DDU65554 DNM65553:DNQ65554 DXI65553:DXM65554 EHE65553:EHI65554 ERA65553:ERE65554 FAW65553:FBA65554 FKS65553:FKW65554 FUO65553:FUS65554 GEK65553:GEO65554 GOG65553:GOK65554 GYC65553:GYG65554 HHY65553:HIC65554 HRU65553:HRY65554 IBQ65553:IBU65554 ILM65553:ILQ65554 IVI65553:IVM65554 JFE65553:JFI65554 JPA65553:JPE65554 JYW65553:JZA65554 KIS65553:KIW65554 KSO65553:KSS65554 LCK65553:LCO65554 LMG65553:LMK65554 LWC65553:LWG65554 MFY65553:MGC65554 MPU65553:MPY65554 MZQ65553:MZU65554 NJM65553:NJQ65554 NTI65553:NTM65554 ODE65553:ODI65554 ONA65553:ONE65554 OWW65553:OXA65554 PGS65553:PGW65554 PQO65553:PQS65554 QAK65553:QAO65554 QKG65553:QKK65554 QUC65553:QUG65554 RDY65553:REC65554 RNU65553:RNY65554 RXQ65553:RXU65554 SHM65553:SHQ65554 SRI65553:SRM65554 TBE65553:TBI65554 TLA65553:TLE65554 TUW65553:TVA65554 UES65553:UEW65554 UOO65553:UOS65554 UYK65553:UYO65554 VIG65553:VIK65554 VSC65553:VSG65554 WBY65553:WCC65554 WLU65553:WLY65554 WVQ65553:WVU65554 I131089:M131090 JE131089:JI131090 TA131089:TE131090 ACW131089:ADA131090 AMS131089:AMW131090 AWO131089:AWS131090 BGK131089:BGO131090 BQG131089:BQK131090 CAC131089:CAG131090 CJY131089:CKC131090 CTU131089:CTY131090 DDQ131089:DDU131090 DNM131089:DNQ131090 DXI131089:DXM131090 EHE131089:EHI131090 ERA131089:ERE131090 FAW131089:FBA131090 FKS131089:FKW131090 FUO131089:FUS131090 GEK131089:GEO131090 GOG131089:GOK131090 GYC131089:GYG131090 HHY131089:HIC131090 HRU131089:HRY131090 IBQ131089:IBU131090 ILM131089:ILQ131090 IVI131089:IVM131090 JFE131089:JFI131090 JPA131089:JPE131090 JYW131089:JZA131090 KIS131089:KIW131090 KSO131089:KSS131090 LCK131089:LCO131090 LMG131089:LMK131090 LWC131089:LWG131090 MFY131089:MGC131090 MPU131089:MPY131090 MZQ131089:MZU131090 NJM131089:NJQ131090 NTI131089:NTM131090 ODE131089:ODI131090 ONA131089:ONE131090 OWW131089:OXA131090 PGS131089:PGW131090 PQO131089:PQS131090 QAK131089:QAO131090 QKG131089:QKK131090 QUC131089:QUG131090 RDY131089:REC131090 RNU131089:RNY131090 RXQ131089:RXU131090 SHM131089:SHQ131090 SRI131089:SRM131090 TBE131089:TBI131090 TLA131089:TLE131090 TUW131089:TVA131090 UES131089:UEW131090 UOO131089:UOS131090 UYK131089:UYO131090 VIG131089:VIK131090 VSC131089:VSG131090 WBY131089:WCC131090 WLU131089:WLY131090 WVQ131089:WVU131090 I196625:M196626 JE196625:JI196626 TA196625:TE196626 ACW196625:ADA196626 AMS196625:AMW196626 AWO196625:AWS196626 BGK196625:BGO196626 BQG196625:BQK196626 CAC196625:CAG196626 CJY196625:CKC196626 CTU196625:CTY196626 DDQ196625:DDU196626 DNM196625:DNQ196626 DXI196625:DXM196626 EHE196625:EHI196626 ERA196625:ERE196626 FAW196625:FBA196626 FKS196625:FKW196626 FUO196625:FUS196626 GEK196625:GEO196626 GOG196625:GOK196626 GYC196625:GYG196626 HHY196625:HIC196626 HRU196625:HRY196626 IBQ196625:IBU196626 ILM196625:ILQ196626 IVI196625:IVM196626 JFE196625:JFI196626 JPA196625:JPE196626 JYW196625:JZA196626 KIS196625:KIW196626 KSO196625:KSS196626 LCK196625:LCO196626 LMG196625:LMK196626 LWC196625:LWG196626 MFY196625:MGC196626 MPU196625:MPY196626 MZQ196625:MZU196626 NJM196625:NJQ196626 NTI196625:NTM196626 ODE196625:ODI196626 ONA196625:ONE196626 OWW196625:OXA196626 PGS196625:PGW196626 PQO196625:PQS196626 QAK196625:QAO196626 QKG196625:QKK196626 QUC196625:QUG196626 RDY196625:REC196626 RNU196625:RNY196626 RXQ196625:RXU196626 SHM196625:SHQ196626 SRI196625:SRM196626 TBE196625:TBI196626 TLA196625:TLE196626 TUW196625:TVA196626 UES196625:UEW196626 UOO196625:UOS196626 UYK196625:UYO196626 VIG196625:VIK196626 VSC196625:VSG196626 WBY196625:WCC196626 WLU196625:WLY196626 WVQ196625:WVU196626 I262161:M262162 JE262161:JI262162 TA262161:TE262162 ACW262161:ADA262162 AMS262161:AMW262162 AWO262161:AWS262162 BGK262161:BGO262162 BQG262161:BQK262162 CAC262161:CAG262162 CJY262161:CKC262162 CTU262161:CTY262162 DDQ262161:DDU262162 DNM262161:DNQ262162 DXI262161:DXM262162 EHE262161:EHI262162 ERA262161:ERE262162 FAW262161:FBA262162 FKS262161:FKW262162 FUO262161:FUS262162 GEK262161:GEO262162 GOG262161:GOK262162 GYC262161:GYG262162 HHY262161:HIC262162 HRU262161:HRY262162 IBQ262161:IBU262162 ILM262161:ILQ262162 IVI262161:IVM262162 JFE262161:JFI262162 JPA262161:JPE262162 JYW262161:JZA262162 KIS262161:KIW262162 KSO262161:KSS262162 LCK262161:LCO262162 LMG262161:LMK262162 LWC262161:LWG262162 MFY262161:MGC262162 MPU262161:MPY262162 MZQ262161:MZU262162 NJM262161:NJQ262162 NTI262161:NTM262162 ODE262161:ODI262162 ONA262161:ONE262162 OWW262161:OXA262162 PGS262161:PGW262162 PQO262161:PQS262162 QAK262161:QAO262162 QKG262161:QKK262162 QUC262161:QUG262162 RDY262161:REC262162 RNU262161:RNY262162 RXQ262161:RXU262162 SHM262161:SHQ262162 SRI262161:SRM262162 TBE262161:TBI262162 TLA262161:TLE262162 TUW262161:TVA262162 UES262161:UEW262162 UOO262161:UOS262162 UYK262161:UYO262162 VIG262161:VIK262162 VSC262161:VSG262162 WBY262161:WCC262162 WLU262161:WLY262162 WVQ262161:WVU262162 I327697:M327698 JE327697:JI327698 TA327697:TE327698 ACW327697:ADA327698 AMS327697:AMW327698 AWO327697:AWS327698 BGK327697:BGO327698 BQG327697:BQK327698 CAC327697:CAG327698 CJY327697:CKC327698 CTU327697:CTY327698 DDQ327697:DDU327698 DNM327697:DNQ327698 DXI327697:DXM327698 EHE327697:EHI327698 ERA327697:ERE327698 FAW327697:FBA327698 FKS327697:FKW327698 FUO327697:FUS327698 GEK327697:GEO327698 GOG327697:GOK327698 GYC327697:GYG327698 HHY327697:HIC327698 HRU327697:HRY327698 IBQ327697:IBU327698 ILM327697:ILQ327698 IVI327697:IVM327698 JFE327697:JFI327698 JPA327697:JPE327698 JYW327697:JZA327698 KIS327697:KIW327698 KSO327697:KSS327698 LCK327697:LCO327698 LMG327697:LMK327698 LWC327697:LWG327698 MFY327697:MGC327698 MPU327697:MPY327698 MZQ327697:MZU327698 NJM327697:NJQ327698 NTI327697:NTM327698 ODE327697:ODI327698 ONA327697:ONE327698 OWW327697:OXA327698 PGS327697:PGW327698 PQO327697:PQS327698 QAK327697:QAO327698 QKG327697:QKK327698 QUC327697:QUG327698 RDY327697:REC327698 RNU327697:RNY327698 RXQ327697:RXU327698 SHM327697:SHQ327698 SRI327697:SRM327698 TBE327697:TBI327698 TLA327697:TLE327698 TUW327697:TVA327698 UES327697:UEW327698 UOO327697:UOS327698 UYK327697:UYO327698 VIG327697:VIK327698 VSC327697:VSG327698 WBY327697:WCC327698 WLU327697:WLY327698 WVQ327697:WVU327698 I393233:M393234 JE393233:JI393234 TA393233:TE393234 ACW393233:ADA393234 AMS393233:AMW393234 AWO393233:AWS393234 BGK393233:BGO393234 BQG393233:BQK393234 CAC393233:CAG393234 CJY393233:CKC393234 CTU393233:CTY393234 DDQ393233:DDU393234 DNM393233:DNQ393234 DXI393233:DXM393234 EHE393233:EHI393234 ERA393233:ERE393234 FAW393233:FBA393234 FKS393233:FKW393234 FUO393233:FUS393234 GEK393233:GEO393234 GOG393233:GOK393234 GYC393233:GYG393234 HHY393233:HIC393234 HRU393233:HRY393234 IBQ393233:IBU393234 ILM393233:ILQ393234 IVI393233:IVM393234 JFE393233:JFI393234 JPA393233:JPE393234 JYW393233:JZA393234 KIS393233:KIW393234 KSO393233:KSS393234 LCK393233:LCO393234 LMG393233:LMK393234 LWC393233:LWG393234 MFY393233:MGC393234 MPU393233:MPY393234 MZQ393233:MZU393234 NJM393233:NJQ393234 NTI393233:NTM393234 ODE393233:ODI393234 ONA393233:ONE393234 OWW393233:OXA393234 PGS393233:PGW393234 PQO393233:PQS393234 QAK393233:QAO393234 QKG393233:QKK393234 QUC393233:QUG393234 RDY393233:REC393234 RNU393233:RNY393234 RXQ393233:RXU393234 SHM393233:SHQ393234 SRI393233:SRM393234 TBE393233:TBI393234 TLA393233:TLE393234 TUW393233:TVA393234 UES393233:UEW393234 UOO393233:UOS393234 UYK393233:UYO393234 VIG393233:VIK393234 VSC393233:VSG393234 WBY393233:WCC393234 WLU393233:WLY393234 WVQ393233:WVU393234 I458769:M458770 JE458769:JI458770 TA458769:TE458770 ACW458769:ADA458770 AMS458769:AMW458770 AWO458769:AWS458770 BGK458769:BGO458770 BQG458769:BQK458770 CAC458769:CAG458770 CJY458769:CKC458770 CTU458769:CTY458770 DDQ458769:DDU458770 DNM458769:DNQ458770 DXI458769:DXM458770 EHE458769:EHI458770 ERA458769:ERE458770 FAW458769:FBA458770 FKS458769:FKW458770 FUO458769:FUS458770 GEK458769:GEO458770 GOG458769:GOK458770 GYC458769:GYG458770 HHY458769:HIC458770 HRU458769:HRY458770 IBQ458769:IBU458770 ILM458769:ILQ458770 IVI458769:IVM458770 JFE458769:JFI458770 JPA458769:JPE458770 JYW458769:JZA458770 KIS458769:KIW458770 KSO458769:KSS458770 LCK458769:LCO458770 LMG458769:LMK458770 LWC458769:LWG458770 MFY458769:MGC458770 MPU458769:MPY458770 MZQ458769:MZU458770 NJM458769:NJQ458770 NTI458769:NTM458770 ODE458769:ODI458770 ONA458769:ONE458770 OWW458769:OXA458770 PGS458769:PGW458770 PQO458769:PQS458770 QAK458769:QAO458770 QKG458769:QKK458770 QUC458769:QUG458770 RDY458769:REC458770 RNU458769:RNY458770 RXQ458769:RXU458770 SHM458769:SHQ458770 SRI458769:SRM458770 TBE458769:TBI458770 TLA458769:TLE458770 TUW458769:TVA458770 UES458769:UEW458770 UOO458769:UOS458770 UYK458769:UYO458770 VIG458769:VIK458770 VSC458769:VSG458770 WBY458769:WCC458770 WLU458769:WLY458770 WVQ458769:WVU458770 I524305:M524306 JE524305:JI524306 TA524305:TE524306 ACW524305:ADA524306 AMS524305:AMW524306 AWO524305:AWS524306 BGK524305:BGO524306 BQG524305:BQK524306 CAC524305:CAG524306 CJY524305:CKC524306 CTU524305:CTY524306 DDQ524305:DDU524306 DNM524305:DNQ524306 DXI524305:DXM524306 EHE524305:EHI524306 ERA524305:ERE524306 FAW524305:FBA524306 FKS524305:FKW524306 FUO524305:FUS524306 GEK524305:GEO524306 GOG524305:GOK524306 GYC524305:GYG524306 HHY524305:HIC524306 HRU524305:HRY524306 IBQ524305:IBU524306 ILM524305:ILQ524306 IVI524305:IVM524306 JFE524305:JFI524306 JPA524305:JPE524306 JYW524305:JZA524306 KIS524305:KIW524306 KSO524305:KSS524306 LCK524305:LCO524306 LMG524305:LMK524306 LWC524305:LWG524306 MFY524305:MGC524306 MPU524305:MPY524306 MZQ524305:MZU524306 NJM524305:NJQ524306 NTI524305:NTM524306 ODE524305:ODI524306 ONA524305:ONE524306 OWW524305:OXA524306 PGS524305:PGW524306 PQO524305:PQS524306 QAK524305:QAO524306 QKG524305:QKK524306 QUC524305:QUG524306 RDY524305:REC524306 RNU524305:RNY524306 RXQ524305:RXU524306 SHM524305:SHQ524306 SRI524305:SRM524306 TBE524305:TBI524306 TLA524305:TLE524306 TUW524305:TVA524306 UES524305:UEW524306 UOO524305:UOS524306 UYK524305:UYO524306 VIG524305:VIK524306 VSC524305:VSG524306 WBY524305:WCC524306 WLU524305:WLY524306 WVQ524305:WVU524306 I589841:M589842 JE589841:JI589842 TA589841:TE589842 ACW589841:ADA589842 AMS589841:AMW589842 AWO589841:AWS589842 BGK589841:BGO589842 BQG589841:BQK589842 CAC589841:CAG589842 CJY589841:CKC589842 CTU589841:CTY589842 DDQ589841:DDU589842 DNM589841:DNQ589842 DXI589841:DXM589842 EHE589841:EHI589842 ERA589841:ERE589842 FAW589841:FBA589842 FKS589841:FKW589842 FUO589841:FUS589842 GEK589841:GEO589842 GOG589841:GOK589842 GYC589841:GYG589842 HHY589841:HIC589842 HRU589841:HRY589842 IBQ589841:IBU589842 ILM589841:ILQ589842 IVI589841:IVM589842 JFE589841:JFI589842 JPA589841:JPE589842 JYW589841:JZA589842 KIS589841:KIW589842 KSO589841:KSS589842 LCK589841:LCO589842 LMG589841:LMK589842 LWC589841:LWG589842 MFY589841:MGC589842 MPU589841:MPY589842 MZQ589841:MZU589842 NJM589841:NJQ589842 NTI589841:NTM589842 ODE589841:ODI589842 ONA589841:ONE589842 OWW589841:OXA589842 PGS589841:PGW589842 PQO589841:PQS589842 QAK589841:QAO589842 QKG589841:QKK589842 QUC589841:QUG589842 RDY589841:REC589842 RNU589841:RNY589842 RXQ589841:RXU589842 SHM589841:SHQ589842 SRI589841:SRM589842 TBE589841:TBI589842 TLA589841:TLE589842 TUW589841:TVA589842 UES589841:UEW589842 UOO589841:UOS589842 UYK589841:UYO589842 VIG589841:VIK589842 VSC589841:VSG589842 WBY589841:WCC589842 WLU589841:WLY589842 WVQ589841:WVU589842 I655377:M655378 JE655377:JI655378 TA655377:TE655378 ACW655377:ADA655378 AMS655377:AMW655378 AWO655377:AWS655378 BGK655377:BGO655378 BQG655377:BQK655378 CAC655377:CAG655378 CJY655377:CKC655378 CTU655377:CTY655378 DDQ655377:DDU655378 DNM655377:DNQ655378 DXI655377:DXM655378 EHE655377:EHI655378 ERA655377:ERE655378 FAW655377:FBA655378 FKS655377:FKW655378 FUO655377:FUS655378 GEK655377:GEO655378 GOG655377:GOK655378 GYC655377:GYG655378 HHY655377:HIC655378 HRU655377:HRY655378 IBQ655377:IBU655378 ILM655377:ILQ655378 IVI655377:IVM655378 JFE655377:JFI655378 JPA655377:JPE655378 JYW655377:JZA655378 KIS655377:KIW655378 KSO655377:KSS655378 LCK655377:LCO655378 LMG655377:LMK655378 LWC655377:LWG655378 MFY655377:MGC655378 MPU655377:MPY655378 MZQ655377:MZU655378 NJM655377:NJQ655378 NTI655377:NTM655378 ODE655377:ODI655378 ONA655377:ONE655378 OWW655377:OXA655378 PGS655377:PGW655378 PQO655377:PQS655378 QAK655377:QAO655378 QKG655377:QKK655378 QUC655377:QUG655378 RDY655377:REC655378 RNU655377:RNY655378 RXQ655377:RXU655378 SHM655377:SHQ655378 SRI655377:SRM655378 TBE655377:TBI655378 TLA655377:TLE655378 TUW655377:TVA655378 UES655377:UEW655378 UOO655377:UOS655378 UYK655377:UYO655378 VIG655377:VIK655378 VSC655377:VSG655378 WBY655377:WCC655378 WLU655377:WLY655378 WVQ655377:WVU655378 I720913:M720914 JE720913:JI720914 TA720913:TE720914 ACW720913:ADA720914 AMS720913:AMW720914 AWO720913:AWS720914 BGK720913:BGO720914 BQG720913:BQK720914 CAC720913:CAG720914 CJY720913:CKC720914 CTU720913:CTY720914 DDQ720913:DDU720914 DNM720913:DNQ720914 DXI720913:DXM720914 EHE720913:EHI720914 ERA720913:ERE720914 FAW720913:FBA720914 FKS720913:FKW720914 FUO720913:FUS720914 GEK720913:GEO720914 GOG720913:GOK720914 GYC720913:GYG720914 HHY720913:HIC720914 HRU720913:HRY720914 IBQ720913:IBU720914 ILM720913:ILQ720914 IVI720913:IVM720914 JFE720913:JFI720914 JPA720913:JPE720914 JYW720913:JZA720914 KIS720913:KIW720914 KSO720913:KSS720914 LCK720913:LCO720914 LMG720913:LMK720914 LWC720913:LWG720914 MFY720913:MGC720914 MPU720913:MPY720914 MZQ720913:MZU720914 NJM720913:NJQ720914 NTI720913:NTM720914 ODE720913:ODI720914 ONA720913:ONE720914 OWW720913:OXA720914 PGS720913:PGW720914 PQO720913:PQS720914 QAK720913:QAO720914 QKG720913:QKK720914 QUC720913:QUG720914 RDY720913:REC720914 RNU720913:RNY720914 RXQ720913:RXU720914 SHM720913:SHQ720914 SRI720913:SRM720914 TBE720913:TBI720914 TLA720913:TLE720914 TUW720913:TVA720914 UES720913:UEW720914 UOO720913:UOS720914 UYK720913:UYO720914 VIG720913:VIK720914 VSC720913:VSG720914 WBY720913:WCC720914 WLU720913:WLY720914 WVQ720913:WVU720914 I786449:M786450 JE786449:JI786450 TA786449:TE786450 ACW786449:ADA786450 AMS786449:AMW786450 AWO786449:AWS786450 BGK786449:BGO786450 BQG786449:BQK786450 CAC786449:CAG786450 CJY786449:CKC786450 CTU786449:CTY786450 DDQ786449:DDU786450 DNM786449:DNQ786450 DXI786449:DXM786450 EHE786449:EHI786450 ERA786449:ERE786450 FAW786449:FBA786450 FKS786449:FKW786450 FUO786449:FUS786450 GEK786449:GEO786450 GOG786449:GOK786450 GYC786449:GYG786450 HHY786449:HIC786450 HRU786449:HRY786450 IBQ786449:IBU786450 ILM786449:ILQ786450 IVI786449:IVM786450 JFE786449:JFI786450 JPA786449:JPE786450 JYW786449:JZA786450 KIS786449:KIW786450 KSO786449:KSS786450 LCK786449:LCO786450 LMG786449:LMK786450 LWC786449:LWG786450 MFY786449:MGC786450 MPU786449:MPY786450 MZQ786449:MZU786450 NJM786449:NJQ786450 NTI786449:NTM786450 ODE786449:ODI786450 ONA786449:ONE786450 OWW786449:OXA786450 PGS786449:PGW786450 PQO786449:PQS786450 QAK786449:QAO786450 QKG786449:QKK786450 QUC786449:QUG786450 RDY786449:REC786450 RNU786449:RNY786450 RXQ786449:RXU786450 SHM786449:SHQ786450 SRI786449:SRM786450 TBE786449:TBI786450 TLA786449:TLE786450 TUW786449:TVA786450 UES786449:UEW786450 UOO786449:UOS786450 UYK786449:UYO786450 VIG786449:VIK786450 VSC786449:VSG786450 WBY786449:WCC786450 WLU786449:WLY786450 WVQ786449:WVU786450 I851985:M851986 JE851985:JI851986 TA851985:TE851986 ACW851985:ADA851986 AMS851985:AMW851986 AWO851985:AWS851986 BGK851985:BGO851986 BQG851985:BQK851986 CAC851985:CAG851986 CJY851985:CKC851986 CTU851985:CTY851986 DDQ851985:DDU851986 DNM851985:DNQ851986 DXI851985:DXM851986 EHE851985:EHI851986 ERA851985:ERE851986 FAW851985:FBA851986 FKS851985:FKW851986 FUO851985:FUS851986 GEK851985:GEO851986 GOG851985:GOK851986 GYC851985:GYG851986 HHY851985:HIC851986 HRU851985:HRY851986 IBQ851985:IBU851986 ILM851985:ILQ851986 IVI851985:IVM851986 JFE851985:JFI851986 JPA851985:JPE851986 JYW851985:JZA851986 KIS851985:KIW851986 KSO851985:KSS851986 LCK851985:LCO851986 LMG851985:LMK851986 LWC851985:LWG851986 MFY851985:MGC851986 MPU851985:MPY851986 MZQ851985:MZU851986 NJM851985:NJQ851986 NTI851985:NTM851986 ODE851985:ODI851986 ONA851985:ONE851986 OWW851985:OXA851986 PGS851985:PGW851986 PQO851985:PQS851986 QAK851985:QAO851986 QKG851985:QKK851986 QUC851985:QUG851986 RDY851985:REC851986 RNU851985:RNY851986 RXQ851985:RXU851986 SHM851985:SHQ851986 SRI851985:SRM851986 TBE851985:TBI851986 TLA851985:TLE851986 TUW851985:TVA851986 UES851985:UEW851986 UOO851985:UOS851986 UYK851985:UYO851986 VIG851985:VIK851986 VSC851985:VSG851986 WBY851985:WCC851986 WLU851985:WLY851986 WVQ851985:WVU851986 I917521:M917522 JE917521:JI917522 TA917521:TE917522 ACW917521:ADA917522 AMS917521:AMW917522 AWO917521:AWS917522 BGK917521:BGO917522 BQG917521:BQK917522 CAC917521:CAG917522 CJY917521:CKC917522 CTU917521:CTY917522 DDQ917521:DDU917522 DNM917521:DNQ917522 DXI917521:DXM917522 EHE917521:EHI917522 ERA917521:ERE917522 FAW917521:FBA917522 FKS917521:FKW917522 FUO917521:FUS917522 GEK917521:GEO917522 GOG917521:GOK917522 GYC917521:GYG917522 HHY917521:HIC917522 HRU917521:HRY917522 IBQ917521:IBU917522 ILM917521:ILQ917522 IVI917521:IVM917522 JFE917521:JFI917522 JPA917521:JPE917522 JYW917521:JZA917522 KIS917521:KIW917522 KSO917521:KSS917522 LCK917521:LCO917522 LMG917521:LMK917522 LWC917521:LWG917522 MFY917521:MGC917522 MPU917521:MPY917522 MZQ917521:MZU917522 NJM917521:NJQ917522 NTI917521:NTM917522 ODE917521:ODI917522 ONA917521:ONE917522 OWW917521:OXA917522 PGS917521:PGW917522 PQO917521:PQS917522 QAK917521:QAO917522 QKG917521:QKK917522 QUC917521:QUG917522 RDY917521:REC917522 RNU917521:RNY917522 RXQ917521:RXU917522 SHM917521:SHQ917522 SRI917521:SRM917522 TBE917521:TBI917522 TLA917521:TLE917522 TUW917521:TVA917522 UES917521:UEW917522 UOO917521:UOS917522 UYK917521:UYO917522 VIG917521:VIK917522 VSC917521:VSG917522 WBY917521:WCC917522 WLU917521:WLY917522 WVQ917521:WVU917522 I983057:M983058 JE983057:JI983058 TA983057:TE983058 ACW983057:ADA983058 AMS983057:AMW983058 AWO983057:AWS983058 BGK983057:BGO983058 BQG983057:BQK983058 CAC983057:CAG983058 CJY983057:CKC983058 CTU983057:CTY983058 DDQ983057:DDU983058 DNM983057:DNQ983058 DXI983057:DXM983058 EHE983057:EHI983058 ERA983057:ERE983058 FAW983057:FBA983058 FKS983057:FKW983058 FUO983057:FUS983058 GEK983057:GEO983058 GOG983057:GOK983058 GYC983057:GYG983058 HHY983057:HIC983058 HRU983057:HRY983058 IBQ983057:IBU983058 ILM983057:ILQ983058 IVI983057:IVM983058 JFE983057:JFI983058 JPA983057:JPE983058 JYW983057:JZA983058 KIS983057:KIW983058 KSO983057:KSS983058 LCK983057:LCO983058 LMG983057:LMK983058 LWC983057:LWG983058 MFY983057:MGC983058 MPU983057:MPY983058 MZQ983057:MZU983058 NJM983057:NJQ983058 NTI983057:NTM983058 ODE983057:ODI983058 ONA983057:ONE983058 OWW983057:OXA983058 PGS983057:PGW983058 PQO983057:PQS983058 QAK983057:QAO983058 QKG983057:QKK983058 QUC983057:QUG983058 RDY983057:REC983058 RNU983057:RNY983058 RXQ983057:RXU983058 SHM983057:SHQ983058 SRI983057:SRM983058 TBE983057:TBI983058 TLA983057:TLE983058 TUW983057:TVA983058 UES983057:UEW983058 UOO983057:UOS983058 UYK983057:UYO983058 VIG983057:VIK983058 VSC983057:VSG983058 WBY983057:WCC983058 WLU983057:WLY983058 WVQ983057:WVU983058" xr:uid="{00000000-0002-0000-0100-00000C000000}"/>
    <dataValidation imeMode="on" allowBlank="1" showInputMessage="1" showErrorMessage="1" promptTitle="商品名" prompt="今回商談する商品の名称を記入してください。独特の読み方や読みづらい名称は、ふりがなを振りましょう。" sqref="I10 JE10 TA10 ACW10 AMS10 AWO10 BGK10 BQG10 CAC10 CJY10 CTU10 DDQ10 DNM10 DXI10 EHE10 ERA10 FAW10 FKS10 FUO10 GEK10 GOG10 GYC10 HHY10 HRU10 IBQ10 ILM10 IVI10 JFE10 JPA10 JYW10 KIS10 KSO10 LCK10 LMG10 LWC10 MFY10 MPU10 MZQ10 NJM10 NTI10 ODE10 ONA10 OWW10 PGS10 PQO10 QAK10 QKG10 QUC10 RDY10 RNU10 RXQ10 SHM10 SRI10 TBE10 TLA10 TUW10 UES10 UOO10 UYK10 VIG10 VSC10 WBY10 WLU10 WVQ10 I65546 JE65546 TA65546 ACW65546 AMS65546 AWO65546 BGK65546 BQG65546 CAC65546 CJY65546 CTU65546 DDQ65546 DNM65546 DXI65546 EHE65546 ERA65546 FAW65546 FKS65546 FUO65546 GEK65546 GOG65546 GYC65546 HHY65546 HRU65546 IBQ65546 ILM65546 IVI65546 JFE65546 JPA65546 JYW65546 KIS65546 KSO65546 LCK65546 LMG65546 LWC65546 MFY65546 MPU65546 MZQ65546 NJM65546 NTI65546 ODE65546 ONA65546 OWW65546 PGS65546 PQO65546 QAK65546 QKG65546 QUC65546 RDY65546 RNU65546 RXQ65546 SHM65546 SRI65546 TBE65546 TLA65546 TUW65546 UES65546 UOO65546 UYK65546 VIG65546 VSC65546 WBY65546 WLU65546 WVQ65546 I131082 JE131082 TA131082 ACW131082 AMS131082 AWO131082 BGK131082 BQG131082 CAC131082 CJY131082 CTU131082 DDQ131082 DNM131082 DXI131082 EHE131082 ERA131082 FAW131082 FKS131082 FUO131082 GEK131082 GOG131082 GYC131082 HHY131082 HRU131082 IBQ131082 ILM131082 IVI131082 JFE131082 JPA131082 JYW131082 KIS131082 KSO131082 LCK131082 LMG131082 LWC131082 MFY131082 MPU131082 MZQ131082 NJM131082 NTI131082 ODE131082 ONA131082 OWW131082 PGS131082 PQO131082 QAK131082 QKG131082 QUC131082 RDY131082 RNU131082 RXQ131082 SHM131082 SRI131082 TBE131082 TLA131082 TUW131082 UES131082 UOO131082 UYK131082 VIG131082 VSC131082 WBY131082 WLU131082 WVQ131082 I196618 JE196618 TA196618 ACW196618 AMS196618 AWO196618 BGK196618 BQG196618 CAC196618 CJY196618 CTU196618 DDQ196618 DNM196618 DXI196618 EHE196618 ERA196618 FAW196618 FKS196618 FUO196618 GEK196618 GOG196618 GYC196618 HHY196618 HRU196618 IBQ196618 ILM196618 IVI196618 JFE196618 JPA196618 JYW196618 KIS196618 KSO196618 LCK196618 LMG196618 LWC196618 MFY196618 MPU196618 MZQ196618 NJM196618 NTI196618 ODE196618 ONA196618 OWW196618 PGS196618 PQO196618 QAK196618 QKG196618 QUC196618 RDY196618 RNU196618 RXQ196618 SHM196618 SRI196618 TBE196618 TLA196618 TUW196618 UES196618 UOO196618 UYK196618 VIG196618 VSC196618 WBY196618 WLU196618 WVQ196618 I262154 JE262154 TA262154 ACW262154 AMS262154 AWO262154 BGK262154 BQG262154 CAC262154 CJY262154 CTU262154 DDQ262154 DNM262154 DXI262154 EHE262154 ERA262154 FAW262154 FKS262154 FUO262154 GEK262154 GOG262154 GYC262154 HHY262154 HRU262154 IBQ262154 ILM262154 IVI262154 JFE262154 JPA262154 JYW262154 KIS262154 KSO262154 LCK262154 LMG262154 LWC262154 MFY262154 MPU262154 MZQ262154 NJM262154 NTI262154 ODE262154 ONA262154 OWW262154 PGS262154 PQO262154 QAK262154 QKG262154 QUC262154 RDY262154 RNU262154 RXQ262154 SHM262154 SRI262154 TBE262154 TLA262154 TUW262154 UES262154 UOO262154 UYK262154 VIG262154 VSC262154 WBY262154 WLU262154 WVQ262154 I327690 JE327690 TA327690 ACW327690 AMS327690 AWO327690 BGK327690 BQG327690 CAC327690 CJY327690 CTU327690 DDQ327690 DNM327690 DXI327690 EHE327690 ERA327690 FAW327690 FKS327690 FUO327690 GEK327690 GOG327690 GYC327690 HHY327690 HRU327690 IBQ327690 ILM327690 IVI327690 JFE327690 JPA327690 JYW327690 KIS327690 KSO327690 LCK327690 LMG327690 LWC327690 MFY327690 MPU327690 MZQ327690 NJM327690 NTI327690 ODE327690 ONA327690 OWW327690 PGS327690 PQO327690 QAK327690 QKG327690 QUC327690 RDY327690 RNU327690 RXQ327690 SHM327690 SRI327690 TBE327690 TLA327690 TUW327690 UES327690 UOO327690 UYK327690 VIG327690 VSC327690 WBY327690 WLU327690 WVQ327690 I393226 JE393226 TA393226 ACW393226 AMS393226 AWO393226 BGK393226 BQG393226 CAC393226 CJY393226 CTU393226 DDQ393226 DNM393226 DXI393226 EHE393226 ERA393226 FAW393226 FKS393226 FUO393226 GEK393226 GOG393226 GYC393226 HHY393226 HRU393226 IBQ393226 ILM393226 IVI393226 JFE393226 JPA393226 JYW393226 KIS393226 KSO393226 LCK393226 LMG393226 LWC393226 MFY393226 MPU393226 MZQ393226 NJM393226 NTI393226 ODE393226 ONA393226 OWW393226 PGS393226 PQO393226 QAK393226 QKG393226 QUC393226 RDY393226 RNU393226 RXQ393226 SHM393226 SRI393226 TBE393226 TLA393226 TUW393226 UES393226 UOO393226 UYK393226 VIG393226 VSC393226 WBY393226 WLU393226 WVQ393226 I458762 JE458762 TA458762 ACW458762 AMS458762 AWO458762 BGK458762 BQG458762 CAC458762 CJY458762 CTU458762 DDQ458762 DNM458762 DXI458762 EHE458762 ERA458762 FAW458762 FKS458762 FUO458762 GEK458762 GOG458762 GYC458762 HHY458762 HRU458762 IBQ458762 ILM458762 IVI458762 JFE458762 JPA458762 JYW458762 KIS458762 KSO458762 LCK458762 LMG458762 LWC458762 MFY458762 MPU458762 MZQ458762 NJM458762 NTI458762 ODE458762 ONA458762 OWW458762 PGS458762 PQO458762 QAK458762 QKG458762 QUC458762 RDY458762 RNU458762 RXQ458762 SHM458762 SRI458762 TBE458762 TLA458762 TUW458762 UES458762 UOO458762 UYK458762 VIG458762 VSC458762 WBY458762 WLU458762 WVQ458762 I524298 JE524298 TA524298 ACW524298 AMS524298 AWO524298 BGK524298 BQG524298 CAC524298 CJY524298 CTU524298 DDQ524298 DNM524298 DXI524298 EHE524298 ERA524298 FAW524298 FKS524298 FUO524298 GEK524298 GOG524298 GYC524298 HHY524298 HRU524298 IBQ524298 ILM524298 IVI524298 JFE524298 JPA524298 JYW524298 KIS524298 KSO524298 LCK524298 LMG524298 LWC524298 MFY524298 MPU524298 MZQ524298 NJM524298 NTI524298 ODE524298 ONA524298 OWW524298 PGS524298 PQO524298 QAK524298 QKG524298 QUC524298 RDY524298 RNU524298 RXQ524298 SHM524298 SRI524298 TBE524298 TLA524298 TUW524298 UES524298 UOO524298 UYK524298 VIG524298 VSC524298 WBY524298 WLU524298 WVQ524298 I589834 JE589834 TA589834 ACW589834 AMS589834 AWO589834 BGK589834 BQG589834 CAC589834 CJY589834 CTU589834 DDQ589834 DNM589834 DXI589834 EHE589834 ERA589834 FAW589834 FKS589834 FUO589834 GEK589834 GOG589834 GYC589834 HHY589834 HRU589834 IBQ589834 ILM589834 IVI589834 JFE589834 JPA589834 JYW589834 KIS589834 KSO589834 LCK589834 LMG589834 LWC589834 MFY589834 MPU589834 MZQ589834 NJM589834 NTI589834 ODE589834 ONA589834 OWW589834 PGS589834 PQO589834 QAK589834 QKG589834 QUC589834 RDY589834 RNU589834 RXQ589834 SHM589834 SRI589834 TBE589834 TLA589834 TUW589834 UES589834 UOO589834 UYK589834 VIG589834 VSC589834 WBY589834 WLU589834 WVQ589834 I655370 JE655370 TA655370 ACW655370 AMS655370 AWO655370 BGK655370 BQG655370 CAC655370 CJY655370 CTU655370 DDQ655370 DNM655370 DXI655370 EHE655370 ERA655370 FAW655370 FKS655370 FUO655370 GEK655370 GOG655370 GYC655370 HHY655370 HRU655370 IBQ655370 ILM655370 IVI655370 JFE655370 JPA655370 JYW655370 KIS655370 KSO655370 LCK655370 LMG655370 LWC655370 MFY655370 MPU655370 MZQ655370 NJM655370 NTI655370 ODE655370 ONA655370 OWW655370 PGS655370 PQO655370 QAK655370 QKG655370 QUC655370 RDY655370 RNU655370 RXQ655370 SHM655370 SRI655370 TBE655370 TLA655370 TUW655370 UES655370 UOO655370 UYK655370 VIG655370 VSC655370 WBY655370 WLU655370 WVQ655370 I720906 JE720906 TA720906 ACW720906 AMS720906 AWO720906 BGK720906 BQG720906 CAC720906 CJY720906 CTU720906 DDQ720906 DNM720906 DXI720906 EHE720906 ERA720906 FAW720906 FKS720906 FUO720906 GEK720906 GOG720906 GYC720906 HHY720906 HRU720906 IBQ720906 ILM720906 IVI720906 JFE720906 JPA720906 JYW720906 KIS720906 KSO720906 LCK720906 LMG720906 LWC720906 MFY720906 MPU720906 MZQ720906 NJM720906 NTI720906 ODE720906 ONA720906 OWW720906 PGS720906 PQO720906 QAK720906 QKG720906 QUC720906 RDY720906 RNU720906 RXQ720906 SHM720906 SRI720906 TBE720906 TLA720906 TUW720906 UES720906 UOO720906 UYK720906 VIG720906 VSC720906 WBY720906 WLU720906 WVQ720906 I786442 JE786442 TA786442 ACW786442 AMS786442 AWO786442 BGK786442 BQG786442 CAC786442 CJY786442 CTU786442 DDQ786442 DNM786442 DXI786442 EHE786442 ERA786442 FAW786442 FKS786442 FUO786442 GEK786442 GOG786442 GYC786442 HHY786442 HRU786442 IBQ786442 ILM786442 IVI786442 JFE786442 JPA786442 JYW786442 KIS786442 KSO786442 LCK786442 LMG786442 LWC786442 MFY786442 MPU786442 MZQ786442 NJM786442 NTI786442 ODE786442 ONA786442 OWW786442 PGS786442 PQO786442 QAK786442 QKG786442 QUC786442 RDY786442 RNU786442 RXQ786442 SHM786442 SRI786442 TBE786442 TLA786442 TUW786442 UES786442 UOO786442 UYK786442 VIG786442 VSC786442 WBY786442 WLU786442 WVQ786442 I851978 JE851978 TA851978 ACW851978 AMS851978 AWO851978 BGK851978 BQG851978 CAC851978 CJY851978 CTU851978 DDQ851978 DNM851978 DXI851978 EHE851978 ERA851978 FAW851978 FKS851978 FUO851978 GEK851978 GOG851978 GYC851978 HHY851978 HRU851978 IBQ851978 ILM851978 IVI851978 JFE851978 JPA851978 JYW851978 KIS851978 KSO851978 LCK851978 LMG851978 LWC851978 MFY851978 MPU851978 MZQ851978 NJM851978 NTI851978 ODE851978 ONA851978 OWW851978 PGS851978 PQO851978 QAK851978 QKG851978 QUC851978 RDY851978 RNU851978 RXQ851978 SHM851978 SRI851978 TBE851978 TLA851978 TUW851978 UES851978 UOO851978 UYK851978 VIG851978 VSC851978 WBY851978 WLU851978 WVQ851978 I917514 JE917514 TA917514 ACW917514 AMS917514 AWO917514 BGK917514 BQG917514 CAC917514 CJY917514 CTU917514 DDQ917514 DNM917514 DXI917514 EHE917514 ERA917514 FAW917514 FKS917514 FUO917514 GEK917514 GOG917514 GYC917514 HHY917514 HRU917514 IBQ917514 ILM917514 IVI917514 JFE917514 JPA917514 JYW917514 KIS917514 KSO917514 LCK917514 LMG917514 LWC917514 MFY917514 MPU917514 MZQ917514 NJM917514 NTI917514 ODE917514 ONA917514 OWW917514 PGS917514 PQO917514 QAK917514 QKG917514 QUC917514 RDY917514 RNU917514 RXQ917514 SHM917514 SRI917514 TBE917514 TLA917514 TUW917514 UES917514 UOO917514 UYK917514 VIG917514 VSC917514 WBY917514 WLU917514 WVQ917514 I983050 JE983050 TA983050 ACW983050 AMS983050 AWO983050 BGK983050 BQG983050 CAC983050 CJY983050 CTU983050 DDQ983050 DNM983050 DXI983050 EHE983050 ERA983050 FAW983050 FKS983050 FUO983050 GEK983050 GOG983050 GYC983050 HHY983050 HRU983050 IBQ983050 ILM983050 IVI983050 JFE983050 JPA983050 JYW983050 KIS983050 KSO983050 LCK983050 LMG983050 LWC983050 MFY983050 MPU983050 MZQ983050 NJM983050 NTI983050 ODE983050 ONA983050 OWW983050 PGS983050 PQO983050 QAK983050 QKG983050 QUC983050 RDY983050 RNU983050 RXQ983050 SHM983050 SRI983050 TBE983050 TLA983050 TUW983050 UES983050 UOO983050 UYK983050 VIG983050 VSC983050 WBY983050 WLU983050 WVQ983050" xr:uid="{00000000-0002-0000-0100-00000D000000}"/>
    <dataValidation imeMode="on" allowBlank="1" showInputMessage="1" showErrorMessage="1" promptTitle="主原料産地（漁獲場所等）" prompt="複数の原材料について記載する場合は、原材料名と産地を記載してください。産地が限定できない場合は、○○他などと記載してください。" sqref="I15:P16 JE15:JL16 TA15:TH16 ACW15:ADD16 AMS15:AMZ16 AWO15:AWV16 BGK15:BGR16 BQG15:BQN16 CAC15:CAJ16 CJY15:CKF16 CTU15:CUB16 DDQ15:DDX16 DNM15:DNT16 DXI15:DXP16 EHE15:EHL16 ERA15:ERH16 FAW15:FBD16 FKS15:FKZ16 FUO15:FUV16 GEK15:GER16 GOG15:GON16 GYC15:GYJ16 HHY15:HIF16 HRU15:HSB16 IBQ15:IBX16 ILM15:ILT16 IVI15:IVP16 JFE15:JFL16 JPA15:JPH16 JYW15:JZD16 KIS15:KIZ16 KSO15:KSV16 LCK15:LCR16 LMG15:LMN16 LWC15:LWJ16 MFY15:MGF16 MPU15:MQB16 MZQ15:MZX16 NJM15:NJT16 NTI15:NTP16 ODE15:ODL16 ONA15:ONH16 OWW15:OXD16 PGS15:PGZ16 PQO15:PQV16 QAK15:QAR16 QKG15:QKN16 QUC15:QUJ16 RDY15:REF16 RNU15:ROB16 RXQ15:RXX16 SHM15:SHT16 SRI15:SRP16 TBE15:TBL16 TLA15:TLH16 TUW15:TVD16 UES15:UEZ16 UOO15:UOV16 UYK15:UYR16 VIG15:VIN16 VSC15:VSJ16 WBY15:WCF16 WLU15:WMB16 WVQ15:WVX16 I65551:P65552 JE65551:JL65552 TA65551:TH65552 ACW65551:ADD65552 AMS65551:AMZ65552 AWO65551:AWV65552 BGK65551:BGR65552 BQG65551:BQN65552 CAC65551:CAJ65552 CJY65551:CKF65552 CTU65551:CUB65552 DDQ65551:DDX65552 DNM65551:DNT65552 DXI65551:DXP65552 EHE65551:EHL65552 ERA65551:ERH65552 FAW65551:FBD65552 FKS65551:FKZ65552 FUO65551:FUV65552 GEK65551:GER65552 GOG65551:GON65552 GYC65551:GYJ65552 HHY65551:HIF65552 HRU65551:HSB65552 IBQ65551:IBX65552 ILM65551:ILT65552 IVI65551:IVP65552 JFE65551:JFL65552 JPA65551:JPH65552 JYW65551:JZD65552 KIS65551:KIZ65552 KSO65551:KSV65552 LCK65551:LCR65552 LMG65551:LMN65552 LWC65551:LWJ65552 MFY65551:MGF65552 MPU65551:MQB65552 MZQ65551:MZX65552 NJM65551:NJT65552 NTI65551:NTP65552 ODE65551:ODL65552 ONA65551:ONH65552 OWW65551:OXD65552 PGS65551:PGZ65552 PQO65551:PQV65552 QAK65551:QAR65552 QKG65551:QKN65552 QUC65551:QUJ65552 RDY65551:REF65552 RNU65551:ROB65552 RXQ65551:RXX65552 SHM65551:SHT65552 SRI65551:SRP65552 TBE65551:TBL65552 TLA65551:TLH65552 TUW65551:TVD65552 UES65551:UEZ65552 UOO65551:UOV65552 UYK65551:UYR65552 VIG65551:VIN65552 VSC65551:VSJ65552 WBY65551:WCF65552 WLU65551:WMB65552 WVQ65551:WVX65552 I131087:P131088 JE131087:JL131088 TA131087:TH131088 ACW131087:ADD131088 AMS131087:AMZ131088 AWO131087:AWV131088 BGK131087:BGR131088 BQG131087:BQN131088 CAC131087:CAJ131088 CJY131087:CKF131088 CTU131087:CUB131088 DDQ131087:DDX131088 DNM131087:DNT131088 DXI131087:DXP131088 EHE131087:EHL131088 ERA131087:ERH131088 FAW131087:FBD131088 FKS131087:FKZ131088 FUO131087:FUV131088 GEK131087:GER131088 GOG131087:GON131088 GYC131087:GYJ131088 HHY131087:HIF131088 HRU131087:HSB131088 IBQ131087:IBX131088 ILM131087:ILT131088 IVI131087:IVP131088 JFE131087:JFL131088 JPA131087:JPH131088 JYW131087:JZD131088 KIS131087:KIZ131088 KSO131087:KSV131088 LCK131087:LCR131088 LMG131087:LMN131088 LWC131087:LWJ131088 MFY131087:MGF131088 MPU131087:MQB131088 MZQ131087:MZX131088 NJM131087:NJT131088 NTI131087:NTP131088 ODE131087:ODL131088 ONA131087:ONH131088 OWW131087:OXD131088 PGS131087:PGZ131088 PQO131087:PQV131088 QAK131087:QAR131088 QKG131087:QKN131088 QUC131087:QUJ131088 RDY131087:REF131088 RNU131087:ROB131088 RXQ131087:RXX131088 SHM131087:SHT131088 SRI131087:SRP131088 TBE131087:TBL131088 TLA131087:TLH131088 TUW131087:TVD131088 UES131087:UEZ131088 UOO131087:UOV131088 UYK131087:UYR131088 VIG131087:VIN131088 VSC131087:VSJ131088 WBY131087:WCF131088 WLU131087:WMB131088 WVQ131087:WVX131088 I196623:P196624 JE196623:JL196624 TA196623:TH196624 ACW196623:ADD196624 AMS196623:AMZ196624 AWO196623:AWV196624 BGK196623:BGR196624 BQG196623:BQN196624 CAC196623:CAJ196624 CJY196623:CKF196624 CTU196623:CUB196624 DDQ196623:DDX196624 DNM196623:DNT196624 DXI196623:DXP196624 EHE196623:EHL196624 ERA196623:ERH196624 FAW196623:FBD196624 FKS196623:FKZ196624 FUO196623:FUV196624 GEK196623:GER196624 GOG196623:GON196624 GYC196623:GYJ196624 HHY196623:HIF196624 HRU196623:HSB196624 IBQ196623:IBX196624 ILM196623:ILT196624 IVI196623:IVP196624 JFE196623:JFL196624 JPA196623:JPH196624 JYW196623:JZD196624 KIS196623:KIZ196624 KSO196623:KSV196624 LCK196623:LCR196624 LMG196623:LMN196624 LWC196623:LWJ196624 MFY196623:MGF196624 MPU196623:MQB196624 MZQ196623:MZX196624 NJM196623:NJT196624 NTI196623:NTP196624 ODE196623:ODL196624 ONA196623:ONH196624 OWW196623:OXD196624 PGS196623:PGZ196624 PQO196623:PQV196624 QAK196623:QAR196624 QKG196623:QKN196624 QUC196623:QUJ196624 RDY196623:REF196624 RNU196623:ROB196624 RXQ196623:RXX196624 SHM196623:SHT196624 SRI196623:SRP196624 TBE196623:TBL196624 TLA196623:TLH196624 TUW196623:TVD196624 UES196623:UEZ196624 UOO196623:UOV196624 UYK196623:UYR196624 VIG196623:VIN196624 VSC196623:VSJ196624 WBY196623:WCF196624 WLU196623:WMB196624 WVQ196623:WVX196624 I262159:P262160 JE262159:JL262160 TA262159:TH262160 ACW262159:ADD262160 AMS262159:AMZ262160 AWO262159:AWV262160 BGK262159:BGR262160 BQG262159:BQN262160 CAC262159:CAJ262160 CJY262159:CKF262160 CTU262159:CUB262160 DDQ262159:DDX262160 DNM262159:DNT262160 DXI262159:DXP262160 EHE262159:EHL262160 ERA262159:ERH262160 FAW262159:FBD262160 FKS262159:FKZ262160 FUO262159:FUV262160 GEK262159:GER262160 GOG262159:GON262160 GYC262159:GYJ262160 HHY262159:HIF262160 HRU262159:HSB262160 IBQ262159:IBX262160 ILM262159:ILT262160 IVI262159:IVP262160 JFE262159:JFL262160 JPA262159:JPH262160 JYW262159:JZD262160 KIS262159:KIZ262160 KSO262159:KSV262160 LCK262159:LCR262160 LMG262159:LMN262160 LWC262159:LWJ262160 MFY262159:MGF262160 MPU262159:MQB262160 MZQ262159:MZX262160 NJM262159:NJT262160 NTI262159:NTP262160 ODE262159:ODL262160 ONA262159:ONH262160 OWW262159:OXD262160 PGS262159:PGZ262160 PQO262159:PQV262160 QAK262159:QAR262160 QKG262159:QKN262160 QUC262159:QUJ262160 RDY262159:REF262160 RNU262159:ROB262160 RXQ262159:RXX262160 SHM262159:SHT262160 SRI262159:SRP262160 TBE262159:TBL262160 TLA262159:TLH262160 TUW262159:TVD262160 UES262159:UEZ262160 UOO262159:UOV262160 UYK262159:UYR262160 VIG262159:VIN262160 VSC262159:VSJ262160 WBY262159:WCF262160 WLU262159:WMB262160 WVQ262159:WVX262160 I327695:P327696 JE327695:JL327696 TA327695:TH327696 ACW327695:ADD327696 AMS327695:AMZ327696 AWO327695:AWV327696 BGK327695:BGR327696 BQG327695:BQN327696 CAC327695:CAJ327696 CJY327695:CKF327696 CTU327695:CUB327696 DDQ327695:DDX327696 DNM327695:DNT327696 DXI327695:DXP327696 EHE327695:EHL327696 ERA327695:ERH327696 FAW327695:FBD327696 FKS327695:FKZ327696 FUO327695:FUV327696 GEK327695:GER327696 GOG327695:GON327696 GYC327695:GYJ327696 HHY327695:HIF327696 HRU327695:HSB327696 IBQ327695:IBX327696 ILM327695:ILT327696 IVI327695:IVP327696 JFE327695:JFL327696 JPA327695:JPH327696 JYW327695:JZD327696 KIS327695:KIZ327696 KSO327695:KSV327696 LCK327695:LCR327696 LMG327695:LMN327696 LWC327695:LWJ327696 MFY327695:MGF327696 MPU327695:MQB327696 MZQ327695:MZX327696 NJM327695:NJT327696 NTI327695:NTP327696 ODE327695:ODL327696 ONA327695:ONH327696 OWW327695:OXD327696 PGS327695:PGZ327696 PQO327695:PQV327696 QAK327695:QAR327696 QKG327695:QKN327696 QUC327695:QUJ327696 RDY327695:REF327696 RNU327695:ROB327696 RXQ327695:RXX327696 SHM327695:SHT327696 SRI327695:SRP327696 TBE327695:TBL327696 TLA327695:TLH327696 TUW327695:TVD327696 UES327695:UEZ327696 UOO327695:UOV327696 UYK327695:UYR327696 VIG327695:VIN327696 VSC327695:VSJ327696 WBY327695:WCF327696 WLU327695:WMB327696 WVQ327695:WVX327696 I393231:P393232 JE393231:JL393232 TA393231:TH393232 ACW393231:ADD393232 AMS393231:AMZ393232 AWO393231:AWV393232 BGK393231:BGR393232 BQG393231:BQN393232 CAC393231:CAJ393232 CJY393231:CKF393232 CTU393231:CUB393232 DDQ393231:DDX393232 DNM393231:DNT393232 DXI393231:DXP393232 EHE393231:EHL393232 ERA393231:ERH393232 FAW393231:FBD393232 FKS393231:FKZ393232 FUO393231:FUV393232 GEK393231:GER393232 GOG393231:GON393232 GYC393231:GYJ393232 HHY393231:HIF393232 HRU393231:HSB393232 IBQ393231:IBX393232 ILM393231:ILT393232 IVI393231:IVP393232 JFE393231:JFL393232 JPA393231:JPH393232 JYW393231:JZD393232 KIS393231:KIZ393232 KSO393231:KSV393232 LCK393231:LCR393232 LMG393231:LMN393232 LWC393231:LWJ393232 MFY393231:MGF393232 MPU393231:MQB393232 MZQ393231:MZX393232 NJM393231:NJT393232 NTI393231:NTP393232 ODE393231:ODL393232 ONA393231:ONH393232 OWW393231:OXD393232 PGS393231:PGZ393232 PQO393231:PQV393232 QAK393231:QAR393232 QKG393231:QKN393232 QUC393231:QUJ393232 RDY393231:REF393232 RNU393231:ROB393232 RXQ393231:RXX393232 SHM393231:SHT393232 SRI393231:SRP393232 TBE393231:TBL393232 TLA393231:TLH393232 TUW393231:TVD393232 UES393231:UEZ393232 UOO393231:UOV393232 UYK393231:UYR393232 VIG393231:VIN393232 VSC393231:VSJ393232 WBY393231:WCF393232 WLU393231:WMB393232 WVQ393231:WVX393232 I458767:P458768 JE458767:JL458768 TA458767:TH458768 ACW458767:ADD458768 AMS458767:AMZ458768 AWO458767:AWV458768 BGK458767:BGR458768 BQG458767:BQN458768 CAC458767:CAJ458768 CJY458767:CKF458768 CTU458767:CUB458768 DDQ458767:DDX458768 DNM458767:DNT458768 DXI458767:DXP458768 EHE458767:EHL458768 ERA458767:ERH458768 FAW458767:FBD458768 FKS458767:FKZ458768 FUO458767:FUV458768 GEK458767:GER458768 GOG458767:GON458768 GYC458767:GYJ458768 HHY458767:HIF458768 HRU458767:HSB458768 IBQ458767:IBX458768 ILM458767:ILT458768 IVI458767:IVP458768 JFE458767:JFL458768 JPA458767:JPH458768 JYW458767:JZD458768 KIS458767:KIZ458768 KSO458767:KSV458768 LCK458767:LCR458768 LMG458767:LMN458768 LWC458767:LWJ458768 MFY458767:MGF458768 MPU458767:MQB458768 MZQ458767:MZX458768 NJM458767:NJT458768 NTI458767:NTP458768 ODE458767:ODL458768 ONA458767:ONH458768 OWW458767:OXD458768 PGS458767:PGZ458768 PQO458767:PQV458768 QAK458767:QAR458768 QKG458767:QKN458768 QUC458767:QUJ458768 RDY458767:REF458768 RNU458767:ROB458768 RXQ458767:RXX458768 SHM458767:SHT458768 SRI458767:SRP458768 TBE458767:TBL458768 TLA458767:TLH458768 TUW458767:TVD458768 UES458767:UEZ458768 UOO458767:UOV458768 UYK458767:UYR458768 VIG458767:VIN458768 VSC458767:VSJ458768 WBY458767:WCF458768 WLU458767:WMB458768 WVQ458767:WVX458768 I524303:P524304 JE524303:JL524304 TA524303:TH524304 ACW524303:ADD524304 AMS524303:AMZ524304 AWO524303:AWV524304 BGK524303:BGR524304 BQG524303:BQN524304 CAC524303:CAJ524304 CJY524303:CKF524304 CTU524303:CUB524304 DDQ524303:DDX524304 DNM524303:DNT524304 DXI524303:DXP524304 EHE524303:EHL524304 ERA524303:ERH524304 FAW524303:FBD524304 FKS524303:FKZ524304 FUO524303:FUV524304 GEK524303:GER524304 GOG524303:GON524304 GYC524303:GYJ524304 HHY524303:HIF524304 HRU524303:HSB524304 IBQ524303:IBX524304 ILM524303:ILT524304 IVI524303:IVP524304 JFE524303:JFL524304 JPA524303:JPH524304 JYW524303:JZD524304 KIS524303:KIZ524304 KSO524303:KSV524304 LCK524303:LCR524304 LMG524303:LMN524304 LWC524303:LWJ524304 MFY524303:MGF524304 MPU524303:MQB524304 MZQ524303:MZX524304 NJM524303:NJT524304 NTI524303:NTP524304 ODE524303:ODL524304 ONA524303:ONH524304 OWW524303:OXD524304 PGS524303:PGZ524304 PQO524303:PQV524304 QAK524303:QAR524304 QKG524303:QKN524304 QUC524303:QUJ524304 RDY524303:REF524304 RNU524303:ROB524304 RXQ524303:RXX524304 SHM524303:SHT524304 SRI524303:SRP524304 TBE524303:TBL524304 TLA524303:TLH524304 TUW524303:TVD524304 UES524303:UEZ524304 UOO524303:UOV524304 UYK524303:UYR524304 VIG524303:VIN524304 VSC524303:VSJ524304 WBY524303:WCF524304 WLU524303:WMB524304 WVQ524303:WVX524304 I589839:P589840 JE589839:JL589840 TA589839:TH589840 ACW589839:ADD589840 AMS589839:AMZ589840 AWO589839:AWV589840 BGK589839:BGR589840 BQG589839:BQN589840 CAC589839:CAJ589840 CJY589839:CKF589840 CTU589839:CUB589840 DDQ589839:DDX589840 DNM589839:DNT589840 DXI589839:DXP589840 EHE589839:EHL589840 ERA589839:ERH589840 FAW589839:FBD589840 FKS589839:FKZ589840 FUO589839:FUV589840 GEK589839:GER589840 GOG589839:GON589840 GYC589839:GYJ589840 HHY589839:HIF589840 HRU589839:HSB589840 IBQ589839:IBX589840 ILM589839:ILT589840 IVI589839:IVP589840 JFE589839:JFL589840 JPA589839:JPH589840 JYW589839:JZD589840 KIS589839:KIZ589840 KSO589839:KSV589840 LCK589839:LCR589840 LMG589839:LMN589840 LWC589839:LWJ589840 MFY589839:MGF589840 MPU589839:MQB589840 MZQ589839:MZX589840 NJM589839:NJT589840 NTI589839:NTP589840 ODE589839:ODL589840 ONA589839:ONH589840 OWW589839:OXD589840 PGS589839:PGZ589840 PQO589839:PQV589840 QAK589839:QAR589840 QKG589839:QKN589840 QUC589839:QUJ589840 RDY589839:REF589840 RNU589839:ROB589840 RXQ589839:RXX589840 SHM589839:SHT589840 SRI589839:SRP589840 TBE589839:TBL589840 TLA589839:TLH589840 TUW589839:TVD589840 UES589839:UEZ589840 UOO589839:UOV589840 UYK589839:UYR589840 VIG589839:VIN589840 VSC589839:VSJ589840 WBY589839:WCF589840 WLU589839:WMB589840 WVQ589839:WVX589840 I655375:P655376 JE655375:JL655376 TA655375:TH655376 ACW655375:ADD655376 AMS655375:AMZ655376 AWO655375:AWV655376 BGK655375:BGR655376 BQG655375:BQN655376 CAC655375:CAJ655376 CJY655375:CKF655376 CTU655375:CUB655376 DDQ655375:DDX655376 DNM655375:DNT655376 DXI655375:DXP655376 EHE655375:EHL655376 ERA655375:ERH655376 FAW655375:FBD655376 FKS655375:FKZ655376 FUO655375:FUV655376 GEK655375:GER655376 GOG655375:GON655376 GYC655375:GYJ655376 HHY655375:HIF655376 HRU655375:HSB655376 IBQ655375:IBX655376 ILM655375:ILT655376 IVI655375:IVP655376 JFE655375:JFL655376 JPA655375:JPH655376 JYW655375:JZD655376 KIS655375:KIZ655376 KSO655375:KSV655376 LCK655375:LCR655376 LMG655375:LMN655376 LWC655375:LWJ655376 MFY655375:MGF655376 MPU655375:MQB655376 MZQ655375:MZX655376 NJM655375:NJT655376 NTI655375:NTP655376 ODE655375:ODL655376 ONA655375:ONH655376 OWW655375:OXD655376 PGS655375:PGZ655376 PQO655375:PQV655376 QAK655375:QAR655376 QKG655375:QKN655376 QUC655375:QUJ655376 RDY655375:REF655376 RNU655375:ROB655376 RXQ655375:RXX655376 SHM655375:SHT655376 SRI655375:SRP655376 TBE655375:TBL655376 TLA655375:TLH655376 TUW655375:TVD655376 UES655375:UEZ655376 UOO655375:UOV655376 UYK655375:UYR655376 VIG655375:VIN655376 VSC655375:VSJ655376 WBY655375:WCF655376 WLU655375:WMB655376 WVQ655375:WVX655376 I720911:P720912 JE720911:JL720912 TA720911:TH720912 ACW720911:ADD720912 AMS720911:AMZ720912 AWO720911:AWV720912 BGK720911:BGR720912 BQG720911:BQN720912 CAC720911:CAJ720912 CJY720911:CKF720912 CTU720911:CUB720912 DDQ720911:DDX720912 DNM720911:DNT720912 DXI720911:DXP720912 EHE720911:EHL720912 ERA720911:ERH720912 FAW720911:FBD720912 FKS720911:FKZ720912 FUO720911:FUV720912 GEK720911:GER720912 GOG720911:GON720912 GYC720911:GYJ720912 HHY720911:HIF720912 HRU720911:HSB720912 IBQ720911:IBX720912 ILM720911:ILT720912 IVI720911:IVP720912 JFE720911:JFL720912 JPA720911:JPH720912 JYW720911:JZD720912 KIS720911:KIZ720912 KSO720911:KSV720912 LCK720911:LCR720912 LMG720911:LMN720912 LWC720911:LWJ720912 MFY720911:MGF720912 MPU720911:MQB720912 MZQ720911:MZX720912 NJM720911:NJT720912 NTI720911:NTP720912 ODE720911:ODL720912 ONA720911:ONH720912 OWW720911:OXD720912 PGS720911:PGZ720912 PQO720911:PQV720912 QAK720911:QAR720912 QKG720911:QKN720912 QUC720911:QUJ720912 RDY720911:REF720912 RNU720911:ROB720912 RXQ720911:RXX720912 SHM720911:SHT720912 SRI720911:SRP720912 TBE720911:TBL720912 TLA720911:TLH720912 TUW720911:TVD720912 UES720911:UEZ720912 UOO720911:UOV720912 UYK720911:UYR720912 VIG720911:VIN720912 VSC720911:VSJ720912 WBY720911:WCF720912 WLU720911:WMB720912 WVQ720911:WVX720912 I786447:P786448 JE786447:JL786448 TA786447:TH786448 ACW786447:ADD786448 AMS786447:AMZ786448 AWO786447:AWV786448 BGK786447:BGR786448 BQG786447:BQN786448 CAC786447:CAJ786448 CJY786447:CKF786448 CTU786447:CUB786448 DDQ786447:DDX786448 DNM786447:DNT786448 DXI786447:DXP786448 EHE786447:EHL786448 ERA786447:ERH786448 FAW786447:FBD786448 FKS786447:FKZ786448 FUO786447:FUV786448 GEK786447:GER786448 GOG786447:GON786448 GYC786447:GYJ786448 HHY786447:HIF786448 HRU786447:HSB786448 IBQ786447:IBX786448 ILM786447:ILT786448 IVI786447:IVP786448 JFE786447:JFL786448 JPA786447:JPH786448 JYW786447:JZD786448 KIS786447:KIZ786448 KSO786447:KSV786448 LCK786447:LCR786448 LMG786447:LMN786448 LWC786447:LWJ786448 MFY786447:MGF786448 MPU786447:MQB786448 MZQ786447:MZX786448 NJM786447:NJT786448 NTI786447:NTP786448 ODE786447:ODL786448 ONA786447:ONH786448 OWW786447:OXD786448 PGS786447:PGZ786448 PQO786447:PQV786448 QAK786447:QAR786448 QKG786447:QKN786448 QUC786447:QUJ786448 RDY786447:REF786448 RNU786447:ROB786448 RXQ786447:RXX786448 SHM786447:SHT786448 SRI786447:SRP786448 TBE786447:TBL786448 TLA786447:TLH786448 TUW786447:TVD786448 UES786447:UEZ786448 UOO786447:UOV786448 UYK786447:UYR786448 VIG786447:VIN786448 VSC786447:VSJ786448 WBY786447:WCF786448 WLU786447:WMB786448 WVQ786447:WVX786448 I851983:P851984 JE851983:JL851984 TA851983:TH851984 ACW851983:ADD851984 AMS851983:AMZ851984 AWO851983:AWV851984 BGK851983:BGR851984 BQG851983:BQN851984 CAC851983:CAJ851984 CJY851983:CKF851984 CTU851983:CUB851984 DDQ851983:DDX851984 DNM851983:DNT851984 DXI851983:DXP851984 EHE851983:EHL851984 ERA851983:ERH851984 FAW851983:FBD851984 FKS851983:FKZ851984 FUO851983:FUV851984 GEK851983:GER851984 GOG851983:GON851984 GYC851983:GYJ851984 HHY851983:HIF851984 HRU851983:HSB851984 IBQ851983:IBX851984 ILM851983:ILT851984 IVI851983:IVP851984 JFE851983:JFL851984 JPA851983:JPH851984 JYW851983:JZD851984 KIS851983:KIZ851984 KSO851983:KSV851984 LCK851983:LCR851984 LMG851983:LMN851984 LWC851983:LWJ851984 MFY851983:MGF851984 MPU851983:MQB851984 MZQ851983:MZX851984 NJM851983:NJT851984 NTI851983:NTP851984 ODE851983:ODL851984 ONA851983:ONH851984 OWW851983:OXD851984 PGS851983:PGZ851984 PQO851983:PQV851984 QAK851983:QAR851984 QKG851983:QKN851984 QUC851983:QUJ851984 RDY851983:REF851984 RNU851983:ROB851984 RXQ851983:RXX851984 SHM851983:SHT851984 SRI851983:SRP851984 TBE851983:TBL851984 TLA851983:TLH851984 TUW851983:TVD851984 UES851983:UEZ851984 UOO851983:UOV851984 UYK851983:UYR851984 VIG851983:VIN851984 VSC851983:VSJ851984 WBY851983:WCF851984 WLU851983:WMB851984 WVQ851983:WVX851984 I917519:P917520 JE917519:JL917520 TA917519:TH917520 ACW917519:ADD917520 AMS917519:AMZ917520 AWO917519:AWV917520 BGK917519:BGR917520 BQG917519:BQN917520 CAC917519:CAJ917520 CJY917519:CKF917520 CTU917519:CUB917520 DDQ917519:DDX917520 DNM917519:DNT917520 DXI917519:DXP917520 EHE917519:EHL917520 ERA917519:ERH917520 FAW917519:FBD917520 FKS917519:FKZ917520 FUO917519:FUV917520 GEK917519:GER917520 GOG917519:GON917520 GYC917519:GYJ917520 HHY917519:HIF917520 HRU917519:HSB917520 IBQ917519:IBX917520 ILM917519:ILT917520 IVI917519:IVP917520 JFE917519:JFL917520 JPA917519:JPH917520 JYW917519:JZD917520 KIS917519:KIZ917520 KSO917519:KSV917520 LCK917519:LCR917520 LMG917519:LMN917520 LWC917519:LWJ917520 MFY917519:MGF917520 MPU917519:MQB917520 MZQ917519:MZX917520 NJM917519:NJT917520 NTI917519:NTP917520 ODE917519:ODL917520 ONA917519:ONH917520 OWW917519:OXD917520 PGS917519:PGZ917520 PQO917519:PQV917520 QAK917519:QAR917520 QKG917519:QKN917520 QUC917519:QUJ917520 RDY917519:REF917520 RNU917519:ROB917520 RXQ917519:RXX917520 SHM917519:SHT917520 SRI917519:SRP917520 TBE917519:TBL917520 TLA917519:TLH917520 TUW917519:TVD917520 UES917519:UEZ917520 UOO917519:UOV917520 UYK917519:UYR917520 VIG917519:VIN917520 VSC917519:VSJ917520 WBY917519:WCF917520 WLU917519:WMB917520 WVQ917519:WVX917520 I983055:P983056 JE983055:JL983056 TA983055:TH983056 ACW983055:ADD983056 AMS983055:AMZ983056 AWO983055:AWV983056 BGK983055:BGR983056 BQG983055:BQN983056 CAC983055:CAJ983056 CJY983055:CKF983056 CTU983055:CUB983056 DDQ983055:DDX983056 DNM983055:DNT983056 DXI983055:DXP983056 EHE983055:EHL983056 ERA983055:ERH983056 FAW983055:FBD983056 FKS983055:FKZ983056 FUO983055:FUV983056 GEK983055:GER983056 GOG983055:GON983056 GYC983055:GYJ983056 HHY983055:HIF983056 HRU983055:HSB983056 IBQ983055:IBX983056 ILM983055:ILT983056 IVI983055:IVP983056 JFE983055:JFL983056 JPA983055:JPH983056 JYW983055:JZD983056 KIS983055:KIZ983056 KSO983055:KSV983056 LCK983055:LCR983056 LMG983055:LMN983056 LWC983055:LWJ983056 MFY983055:MGF983056 MPU983055:MQB983056 MZQ983055:MZX983056 NJM983055:NJT983056 NTI983055:NTP983056 ODE983055:ODL983056 ONA983055:ONH983056 OWW983055:OXD983056 PGS983055:PGZ983056 PQO983055:PQV983056 QAK983055:QAR983056 QKG983055:QKN983056 QUC983055:QUJ983056 RDY983055:REF983056 RNU983055:ROB983056 RXQ983055:RXX983056 SHM983055:SHT983056 SRI983055:SRP983056 TBE983055:TBL983056 TLA983055:TLH983056 TUW983055:TVD983056 UES983055:UEZ983056 UOO983055:UOV983056 UYK983055:UYR983056 VIG983055:VIN983056 VSC983055:VSJ983056 WBY983055:WCF983056 WLU983055:WMB983056 WVQ983055:WVX983056" xr:uid="{00000000-0002-0000-0100-00000E000000}"/>
    <dataValidation imeMode="halfAlpha" allowBlank="1" showInputMessage="1" showErrorMessage="1" promptTitle="1ケースあたり入数" prompt="１ケースあたりに商品がいくつ入っているか。荷姿が合わせの場合は、それも記載してください。（例　１ケースあたり１０入りで２合わせの場合⇒１０入り２合わせ）" sqref="I19:M20 JE19:JI20 TA19:TE20 ACW19:ADA20 AMS19:AMW20 AWO19:AWS20 BGK19:BGO20 BQG19:BQK20 CAC19:CAG20 CJY19:CKC20 CTU19:CTY20 DDQ19:DDU20 DNM19:DNQ20 DXI19:DXM20 EHE19:EHI20 ERA19:ERE20 FAW19:FBA20 FKS19:FKW20 FUO19:FUS20 GEK19:GEO20 GOG19:GOK20 GYC19:GYG20 HHY19:HIC20 HRU19:HRY20 IBQ19:IBU20 ILM19:ILQ20 IVI19:IVM20 JFE19:JFI20 JPA19:JPE20 JYW19:JZA20 KIS19:KIW20 KSO19:KSS20 LCK19:LCO20 LMG19:LMK20 LWC19:LWG20 MFY19:MGC20 MPU19:MPY20 MZQ19:MZU20 NJM19:NJQ20 NTI19:NTM20 ODE19:ODI20 ONA19:ONE20 OWW19:OXA20 PGS19:PGW20 PQO19:PQS20 QAK19:QAO20 QKG19:QKK20 QUC19:QUG20 RDY19:REC20 RNU19:RNY20 RXQ19:RXU20 SHM19:SHQ20 SRI19:SRM20 TBE19:TBI20 TLA19:TLE20 TUW19:TVA20 UES19:UEW20 UOO19:UOS20 UYK19:UYO20 VIG19:VIK20 VSC19:VSG20 WBY19:WCC20 WLU19:WLY20 WVQ19:WVU20 I65555:M65556 JE65555:JI65556 TA65555:TE65556 ACW65555:ADA65556 AMS65555:AMW65556 AWO65555:AWS65556 BGK65555:BGO65556 BQG65555:BQK65556 CAC65555:CAG65556 CJY65555:CKC65556 CTU65555:CTY65556 DDQ65555:DDU65556 DNM65555:DNQ65556 DXI65555:DXM65556 EHE65555:EHI65556 ERA65555:ERE65556 FAW65555:FBA65556 FKS65555:FKW65556 FUO65555:FUS65556 GEK65555:GEO65556 GOG65555:GOK65556 GYC65555:GYG65556 HHY65555:HIC65556 HRU65555:HRY65556 IBQ65555:IBU65556 ILM65555:ILQ65556 IVI65555:IVM65556 JFE65555:JFI65556 JPA65555:JPE65556 JYW65555:JZA65556 KIS65555:KIW65556 KSO65555:KSS65556 LCK65555:LCO65556 LMG65555:LMK65556 LWC65555:LWG65556 MFY65555:MGC65556 MPU65555:MPY65556 MZQ65555:MZU65556 NJM65555:NJQ65556 NTI65555:NTM65556 ODE65555:ODI65556 ONA65555:ONE65556 OWW65555:OXA65556 PGS65555:PGW65556 PQO65555:PQS65556 QAK65555:QAO65556 QKG65555:QKK65556 QUC65555:QUG65556 RDY65555:REC65556 RNU65555:RNY65556 RXQ65555:RXU65556 SHM65555:SHQ65556 SRI65555:SRM65556 TBE65555:TBI65556 TLA65555:TLE65556 TUW65555:TVA65556 UES65555:UEW65556 UOO65555:UOS65556 UYK65555:UYO65556 VIG65555:VIK65556 VSC65555:VSG65556 WBY65555:WCC65556 WLU65555:WLY65556 WVQ65555:WVU65556 I131091:M131092 JE131091:JI131092 TA131091:TE131092 ACW131091:ADA131092 AMS131091:AMW131092 AWO131091:AWS131092 BGK131091:BGO131092 BQG131091:BQK131092 CAC131091:CAG131092 CJY131091:CKC131092 CTU131091:CTY131092 DDQ131091:DDU131092 DNM131091:DNQ131092 DXI131091:DXM131092 EHE131091:EHI131092 ERA131091:ERE131092 FAW131091:FBA131092 FKS131091:FKW131092 FUO131091:FUS131092 GEK131091:GEO131092 GOG131091:GOK131092 GYC131091:GYG131092 HHY131091:HIC131092 HRU131091:HRY131092 IBQ131091:IBU131092 ILM131091:ILQ131092 IVI131091:IVM131092 JFE131091:JFI131092 JPA131091:JPE131092 JYW131091:JZA131092 KIS131091:KIW131092 KSO131091:KSS131092 LCK131091:LCO131092 LMG131091:LMK131092 LWC131091:LWG131092 MFY131091:MGC131092 MPU131091:MPY131092 MZQ131091:MZU131092 NJM131091:NJQ131092 NTI131091:NTM131092 ODE131091:ODI131092 ONA131091:ONE131092 OWW131091:OXA131092 PGS131091:PGW131092 PQO131091:PQS131092 QAK131091:QAO131092 QKG131091:QKK131092 QUC131091:QUG131092 RDY131091:REC131092 RNU131091:RNY131092 RXQ131091:RXU131092 SHM131091:SHQ131092 SRI131091:SRM131092 TBE131091:TBI131092 TLA131091:TLE131092 TUW131091:TVA131092 UES131091:UEW131092 UOO131091:UOS131092 UYK131091:UYO131092 VIG131091:VIK131092 VSC131091:VSG131092 WBY131091:WCC131092 WLU131091:WLY131092 WVQ131091:WVU131092 I196627:M196628 JE196627:JI196628 TA196627:TE196628 ACW196627:ADA196628 AMS196627:AMW196628 AWO196627:AWS196628 BGK196627:BGO196628 BQG196627:BQK196628 CAC196627:CAG196628 CJY196627:CKC196628 CTU196627:CTY196628 DDQ196627:DDU196628 DNM196627:DNQ196628 DXI196627:DXM196628 EHE196627:EHI196628 ERA196627:ERE196628 FAW196627:FBA196628 FKS196627:FKW196628 FUO196627:FUS196628 GEK196627:GEO196628 GOG196627:GOK196628 GYC196627:GYG196628 HHY196627:HIC196628 HRU196627:HRY196628 IBQ196627:IBU196628 ILM196627:ILQ196628 IVI196627:IVM196628 JFE196627:JFI196628 JPA196627:JPE196628 JYW196627:JZA196628 KIS196627:KIW196628 KSO196627:KSS196628 LCK196627:LCO196628 LMG196627:LMK196628 LWC196627:LWG196628 MFY196627:MGC196628 MPU196627:MPY196628 MZQ196627:MZU196628 NJM196627:NJQ196628 NTI196627:NTM196628 ODE196627:ODI196628 ONA196627:ONE196628 OWW196627:OXA196628 PGS196627:PGW196628 PQO196627:PQS196628 QAK196627:QAO196628 QKG196627:QKK196628 QUC196627:QUG196628 RDY196627:REC196628 RNU196627:RNY196628 RXQ196627:RXU196628 SHM196627:SHQ196628 SRI196627:SRM196628 TBE196627:TBI196628 TLA196627:TLE196628 TUW196627:TVA196628 UES196627:UEW196628 UOO196627:UOS196628 UYK196627:UYO196628 VIG196627:VIK196628 VSC196627:VSG196628 WBY196627:WCC196628 WLU196627:WLY196628 WVQ196627:WVU196628 I262163:M262164 JE262163:JI262164 TA262163:TE262164 ACW262163:ADA262164 AMS262163:AMW262164 AWO262163:AWS262164 BGK262163:BGO262164 BQG262163:BQK262164 CAC262163:CAG262164 CJY262163:CKC262164 CTU262163:CTY262164 DDQ262163:DDU262164 DNM262163:DNQ262164 DXI262163:DXM262164 EHE262163:EHI262164 ERA262163:ERE262164 FAW262163:FBA262164 FKS262163:FKW262164 FUO262163:FUS262164 GEK262163:GEO262164 GOG262163:GOK262164 GYC262163:GYG262164 HHY262163:HIC262164 HRU262163:HRY262164 IBQ262163:IBU262164 ILM262163:ILQ262164 IVI262163:IVM262164 JFE262163:JFI262164 JPA262163:JPE262164 JYW262163:JZA262164 KIS262163:KIW262164 KSO262163:KSS262164 LCK262163:LCO262164 LMG262163:LMK262164 LWC262163:LWG262164 MFY262163:MGC262164 MPU262163:MPY262164 MZQ262163:MZU262164 NJM262163:NJQ262164 NTI262163:NTM262164 ODE262163:ODI262164 ONA262163:ONE262164 OWW262163:OXA262164 PGS262163:PGW262164 PQO262163:PQS262164 QAK262163:QAO262164 QKG262163:QKK262164 QUC262163:QUG262164 RDY262163:REC262164 RNU262163:RNY262164 RXQ262163:RXU262164 SHM262163:SHQ262164 SRI262163:SRM262164 TBE262163:TBI262164 TLA262163:TLE262164 TUW262163:TVA262164 UES262163:UEW262164 UOO262163:UOS262164 UYK262163:UYO262164 VIG262163:VIK262164 VSC262163:VSG262164 WBY262163:WCC262164 WLU262163:WLY262164 WVQ262163:WVU262164 I327699:M327700 JE327699:JI327700 TA327699:TE327700 ACW327699:ADA327700 AMS327699:AMW327700 AWO327699:AWS327700 BGK327699:BGO327700 BQG327699:BQK327700 CAC327699:CAG327700 CJY327699:CKC327700 CTU327699:CTY327700 DDQ327699:DDU327700 DNM327699:DNQ327700 DXI327699:DXM327700 EHE327699:EHI327700 ERA327699:ERE327700 FAW327699:FBA327700 FKS327699:FKW327700 FUO327699:FUS327700 GEK327699:GEO327700 GOG327699:GOK327700 GYC327699:GYG327700 HHY327699:HIC327700 HRU327699:HRY327700 IBQ327699:IBU327700 ILM327699:ILQ327700 IVI327699:IVM327700 JFE327699:JFI327700 JPA327699:JPE327700 JYW327699:JZA327700 KIS327699:KIW327700 KSO327699:KSS327700 LCK327699:LCO327700 LMG327699:LMK327700 LWC327699:LWG327700 MFY327699:MGC327700 MPU327699:MPY327700 MZQ327699:MZU327700 NJM327699:NJQ327700 NTI327699:NTM327700 ODE327699:ODI327700 ONA327699:ONE327700 OWW327699:OXA327700 PGS327699:PGW327700 PQO327699:PQS327700 QAK327699:QAO327700 QKG327699:QKK327700 QUC327699:QUG327700 RDY327699:REC327700 RNU327699:RNY327700 RXQ327699:RXU327700 SHM327699:SHQ327700 SRI327699:SRM327700 TBE327699:TBI327700 TLA327699:TLE327700 TUW327699:TVA327700 UES327699:UEW327700 UOO327699:UOS327700 UYK327699:UYO327700 VIG327699:VIK327700 VSC327699:VSG327700 WBY327699:WCC327700 WLU327699:WLY327700 WVQ327699:WVU327700 I393235:M393236 JE393235:JI393236 TA393235:TE393236 ACW393235:ADA393236 AMS393235:AMW393236 AWO393235:AWS393236 BGK393235:BGO393236 BQG393235:BQK393236 CAC393235:CAG393236 CJY393235:CKC393236 CTU393235:CTY393236 DDQ393235:DDU393236 DNM393235:DNQ393236 DXI393235:DXM393236 EHE393235:EHI393236 ERA393235:ERE393236 FAW393235:FBA393236 FKS393235:FKW393236 FUO393235:FUS393236 GEK393235:GEO393236 GOG393235:GOK393236 GYC393235:GYG393236 HHY393235:HIC393236 HRU393235:HRY393236 IBQ393235:IBU393236 ILM393235:ILQ393236 IVI393235:IVM393236 JFE393235:JFI393236 JPA393235:JPE393236 JYW393235:JZA393236 KIS393235:KIW393236 KSO393235:KSS393236 LCK393235:LCO393236 LMG393235:LMK393236 LWC393235:LWG393236 MFY393235:MGC393236 MPU393235:MPY393236 MZQ393235:MZU393236 NJM393235:NJQ393236 NTI393235:NTM393236 ODE393235:ODI393236 ONA393235:ONE393236 OWW393235:OXA393236 PGS393235:PGW393236 PQO393235:PQS393236 QAK393235:QAO393236 QKG393235:QKK393236 QUC393235:QUG393236 RDY393235:REC393236 RNU393235:RNY393236 RXQ393235:RXU393236 SHM393235:SHQ393236 SRI393235:SRM393236 TBE393235:TBI393236 TLA393235:TLE393236 TUW393235:TVA393236 UES393235:UEW393236 UOO393235:UOS393236 UYK393235:UYO393236 VIG393235:VIK393236 VSC393235:VSG393236 WBY393235:WCC393236 WLU393235:WLY393236 WVQ393235:WVU393236 I458771:M458772 JE458771:JI458772 TA458771:TE458772 ACW458771:ADA458772 AMS458771:AMW458772 AWO458771:AWS458772 BGK458771:BGO458772 BQG458771:BQK458772 CAC458771:CAG458772 CJY458771:CKC458772 CTU458771:CTY458772 DDQ458771:DDU458772 DNM458771:DNQ458772 DXI458771:DXM458772 EHE458771:EHI458772 ERA458771:ERE458772 FAW458771:FBA458772 FKS458771:FKW458772 FUO458771:FUS458772 GEK458771:GEO458772 GOG458771:GOK458772 GYC458771:GYG458772 HHY458771:HIC458772 HRU458771:HRY458772 IBQ458771:IBU458772 ILM458771:ILQ458772 IVI458771:IVM458772 JFE458771:JFI458772 JPA458771:JPE458772 JYW458771:JZA458772 KIS458771:KIW458772 KSO458771:KSS458772 LCK458771:LCO458772 LMG458771:LMK458772 LWC458771:LWG458772 MFY458771:MGC458772 MPU458771:MPY458772 MZQ458771:MZU458772 NJM458771:NJQ458772 NTI458771:NTM458772 ODE458771:ODI458772 ONA458771:ONE458772 OWW458771:OXA458772 PGS458771:PGW458772 PQO458771:PQS458772 QAK458771:QAO458772 QKG458771:QKK458772 QUC458771:QUG458772 RDY458771:REC458772 RNU458771:RNY458772 RXQ458771:RXU458772 SHM458771:SHQ458772 SRI458771:SRM458772 TBE458771:TBI458772 TLA458771:TLE458772 TUW458771:TVA458772 UES458771:UEW458772 UOO458771:UOS458772 UYK458771:UYO458772 VIG458771:VIK458772 VSC458771:VSG458772 WBY458771:WCC458772 WLU458771:WLY458772 WVQ458771:WVU458772 I524307:M524308 JE524307:JI524308 TA524307:TE524308 ACW524307:ADA524308 AMS524307:AMW524308 AWO524307:AWS524308 BGK524307:BGO524308 BQG524307:BQK524308 CAC524307:CAG524308 CJY524307:CKC524308 CTU524307:CTY524308 DDQ524307:DDU524308 DNM524307:DNQ524308 DXI524307:DXM524308 EHE524307:EHI524308 ERA524307:ERE524308 FAW524307:FBA524308 FKS524307:FKW524308 FUO524307:FUS524308 GEK524307:GEO524308 GOG524307:GOK524308 GYC524307:GYG524308 HHY524307:HIC524308 HRU524307:HRY524308 IBQ524307:IBU524308 ILM524307:ILQ524308 IVI524307:IVM524308 JFE524307:JFI524308 JPA524307:JPE524308 JYW524307:JZA524308 KIS524307:KIW524308 KSO524307:KSS524308 LCK524307:LCO524308 LMG524307:LMK524308 LWC524307:LWG524308 MFY524307:MGC524308 MPU524307:MPY524308 MZQ524307:MZU524308 NJM524307:NJQ524308 NTI524307:NTM524308 ODE524307:ODI524308 ONA524307:ONE524308 OWW524307:OXA524308 PGS524307:PGW524308 PQO524307:PQS524308 QAK524307:QAO524308 QKG524307:QKK524308 QUC524307:QUG524308 RDY524307:REC524308 RNU524307:RNY524308 RXQ524307:RXU524308 SHM524307:SHQ524308 SRI524307:SRM524308 TBE524307:TBI524308 TLA524307:TLE524308 TUW524307:TVA524308 UES524307:UEW524308 UOO524307:UOS524308 UYK524307:UYO524308 VIG524307:VIK524308 VSC524307:VSG524308 WBY524307:WCC524308 WLU524307:WLY524308 WVQ524307:WVU524308 I589843:M589844 JE589843:JI589844 TA589843:TE589844 ACW589843:ADA589844 AMS589843:AMW589844 AWO589843:AWS589844 BGK589843:BGO589844 BQG589843:BQK589844 CAC589843:CAG589844 CJY589843:CKC589844 CTU589843:CTY589844 DDQ589843:DDU589844 DNM589843:DNQ589844 DXI589843:DXM589844 EHE589843:EHI589844 ERA589843:ERE589844 FAW589843:FBA589844 FKS589843:FKW589844 FUO589843:FUS589844 GEK589843:GEO589844 GOG589843:GOK589844 GYC589843:GYG589844 HHY589843:HIC589844 HRU589843:HRY589844 IBQ589843:IBU589844 ILM589843:ILQ589844 IVI589843:IVM589844 JFE589843:JFI589844 JPA589843:JPE589844 JYW589843:JZA589844 KIS589843:KIW589844 KSO589843:KSS589844 LCK589843:LCO589844 LMG589843:LMK589844 LWC589843:LWG589844 MFY589843:MGC589844 MPU589843:MPY589844 MZQ589843:MZU589844 NJM589843:NJQ589844 NTI589843:NTM589844 ODE589843:ODI589844 ONA589843:ONE589844 OWW589843:OXA589844 PGS589843:PGW589844 PQO589843:PQS589844 QAK589843:QAO589844 QKG589843:QKK589844 QUC589843:QUG589844 RDY589843:REC589844 RNU589843:RNY589844 RXQ589843:RXU589844 SHM589843:SHQ589844 SRI589843:SRM589844 TBE589843:TBI589844 TLA589843:TLE589844 TUW589843:TVA589844 UES589843:UEW589844 UOO589843:UOS589844 UYK589843:UYO589844 VIG589843:VIK589844 VSC589843:VSG589844 WBY589843:WCC589844 WLU589843:WLY589844 WVQ589843:WVU589844 I655379:M655380 JE655379:JI655380 TA655379:TE655380 ACW655379:ADA655380 AMS655379:AMW655380 AWO655379:AWS655380 BGK655379:BGO655380 BQG655379:BQK655380 CAC655379:CAG655380 CJY655379:CKC655380 CTU655379:CTY655380 DDQ655379:DDU655380 DNM655379:DNQ655380 DXI655379:DXM655380 EHE655379:EHI655380 ERA655379:ERE655380 FAW655379:FBA655380 FKS655379:FKW655380 FUO655379:FUS655380 GEK655379:GEO655380 GOG655379:GOK655380 GYC655379:GYG655380 HHY655379:HIC655380 HRU655379:HRY655380 IBQ655379:IBU655380 ILM655379:ILQ655380 IVI655379:IVM655380 JFE655379:JFI655380 JPA655379:JPE655380 JYW655379:JZA655380 KIS655379:KIW655380 KSO655379:KSS655380 LCK655379:LCO655380 LMG655379:LMK655380 LWC655379:LWG655380 MFY655379:MGC655380 MPU655379:MPY655380 MZQ655379:MZU655380 NJM655379:NJQ655380 NTI655379:NTM655380 ODE655379:ODI655380 ONA655379:ONE655380 OWW655379:OXA655380 PGS655379:PGW655380 PQO655379:PQS655380 QAK655379:QAO655380 QKG655379:QKK655380 QUC655379:QUG655380 RDY655379:REC655380 RNU655379:RNY655380 RXQ655379:RXU655380 SHM655379:SHQ655380 SRI655379:SRM655380 TBE655379:TBI655380 TLA655379:TLE655380 TUW655379:TVA655380 UES655379:UEW655380 UOO655379:UOS655380 UYK655379:UYO655380 VIG655379:VIK655380 VSC655379:VSG655380 WBY655379:WCC655380 WLU655379:WLY655380 WVQ655379:WVU655380 I720915:M720916 JE720915:JI720916 TA720915:TE720916 ACW720915:ADA720916 AMS720915:AMW720916 AWO720915:AWS720916 BGK720915:BGO720916 BQG720915:BQK720916 CAC720915:CAG720916 CJY720915:CKC720916 CTU720915:CTY720916 DDQ720915:DDU720916 DNM720915:DNQ720916 DXI720915:DXM720916 EHE720915:EHI720916 ERA720915:ERE720916 FAW720915:FBA720916 FKS720915:FKW720916 FUO720915:FUS720916 GEK720915:GEO720916 GOG720915:GOK720916 GYC720915:GYG720916 HHY720915:HIC720916 HRU720915:HRY720916 IBQ720915:IBU720916 ILM720915:ILQ720916 IVI720915:IVM720916 JFE720915:JFI720916 JPA720915:JPE720916 JYW720915:JZA720916 KIS720915:KIW720916 KSO720915:KSS720916 LCK720915:LCO720916 LMG720915:LMK720916 LWC720915:LWG720916 MFY720915:MGC720916 MPU720915:MPY720916 MZQ720915:MZU720916 NJM720915:NJQ720916 NTI720915:NTM720916 ODE720915:ODI720916 ONA720915:ONE720916 OWW720915:OXA720916 PGS720915:PGW720916 PQO720915:PQS720916 QAK720915:QAO720916 QKG720915:QKK720916 QUC720915:QUG720916 RDY720915:REC720916 RNU720915:RNY720916 RXQ720915:RXU720916 SHM720915:SHQ720916 SRI720915:SRM720916 TBE720915:TBI720916 TLA720915:TLE720916 TUW720915:TVA720916 UES720915:UEW720916 UOO720915:UOS720916 UYK720915:UYO720916 VIG720915:VIK720916 VSC720915:VSG720916 WBY720915:WCC720916 WLU720915:WLY720916 WVQ720915:WVU720916 I786451:M786452 JE786451:JI786452 TA786451:TE786452 ACW786451:ADA786452 AMS786451:AMW786452 AWO786451:AWS786452 BGK786451:BGO786452 BQG786451:BQK786452 CAC786451:CAG786452 CJY786451:CKC786452 CTU786451:CTY786452 DDQ786451:DDU786452 DNM786451:DNQ786452 DXI786451:DXM786452 EHE786451:EHI786452 ERA786451:ERE786452 FAW786451:FBA786452 FKS786451:FKW786452 FUO786451:FUS786452 GEK786451:GEO786452 GOG786451:GOK786452 GYC786451:GYG786452 HHY786451:HIC786452 HRU786451:HRY786452 IBQ786451:IBU786452 ILM786451:ILQ786452 IVI786451:IVM786452 JFE786451:JFI786452 JPA786451:JPE786452 JYW786451:JZA786452 KIS786451:KIW786452 KSO786451:KSS786452 LCK786451:LCO786452 LMG786451:LMK786452 LWC786451:LWG786452 MFY786451:MGC786452 MPU786451:MPY786452 MZQ786451:MZU786452 NJM786451:NJQ786452 NTI786451:NTM786452 ODE786451:ODI786452 ONA786451:ONE786452 OWW786451:OXA786452 PGS786451:PGW786452 PQO786451:PQS786452 QAK786451:QAO786452 QKG786451:QKK786452 QUC786451:QUG786452 RDY786451:REC786452 RNU786451:RNY786452 RXQ786451:RXU786452 SHM786451:SHQ786452 SRI786451:SRM786452 TBE786451:TBI786452 TLA786451:TLE786452 TUW786451:TVA786452 UES786451:UEW786452 UOO786451:UOS786452 UYK786451:UYO786452 VIG786451:VIK786452 VSC786451:VSG786452 WBY786451:WCC786452 WLU786451:WLY786452 WVQ786451:WVU786452 I851987:M851988 JE851987:JI851988 TA851987:TE851988 ACW851987:ADA851988 AMS851987:AMW851988 AWO851987:AWS851988 BGK851987:BGO851988 BQG851987:BQK851988 CAC851987:CAG851988 CJY851987:CKC851988 CTU851987:CTY851988 DDQ851987:DDU851988 DNM851987:DNQ851988 DXI851987:DXM851988 EHE851987:EHI851988 ERA851987:ERE851988 FAW851987:FBA851988 FKS851987:FKW851988 FUO851987:FUS851988 GEK851987:GEO851988 GOG851987:GOK851988 GYC851987:GYG851988 HHY851987:HIC851988 HRU851987:HRY851988 IBQ851987:IBU851988 ILM851987:ILQ851988 IVI851987:IVM851988 JFE851987:JFI851988 JPA851987:JPE851988 JYW851987:JZA851988 KIS851987:KIW851988 KSO851987:KSS851988 LCK851987:LCO851988 LMG851987:LMK851988 LWC851987:LWG851988 MFY851987:MGC851988 MPU851987:MPY851988 MZQ851987:MZU851988 NJM851987:NJQ851988 NTI851987:NTM851988 ODE851987:ODI851988 ONA851987:ONE851988 OWW851987:OXA851988 PGS851987:PGW851988 PQO851987:PQS851988 QAK851987:QAO851988 QKG851987:QKK851988 QUC851987:QUG851988 RDY851987:REC851988 RNU851987:RNY851988 RXQ851987:RXU851988 SHM851987:SHQ851988 SRI851987:SRM851988 TBE851987:TBI851988 TLA851987:TLE851988 TUW851987:TVA851988 UES851987:UEW851988 UOO851987:UOS851988 UYK851987:UYO851988 VIG851987:VIK851988 VSC851987:VSG851988 WBY851987:WCC851988 WLU851987:WLY851988 WVQ851987:WVU851988 I917523:M917524 JE917523:JI917524 TA917523:TE917524 ACW917523:ADA917524 AMS917523:AMW917524 AWO917523:AWS917524 BGK917523:BGO917524 BQG917523:BQK917524 CAC917523:CAG917524 CJY917523:CKC917524 CTU917523:CTY917524 DDQ917523:DDU917524 DNM917523:DNQ917524 DXI917523:DXM917524 EHE917523:EHI917524 ERA917523:ERE917524 FAW917523:FBA917524 FKS917523:FKW917524 FUO917523:FUS917524 GEK917523:GEO917524 GOG917523:GOK917524 GYC917523:GYG917524 HHY917523:HIC917524 HRU917523:HRY917524 IBQ917523:IBU917524 ILM917523:ILQ917524 IVI917523:IVM917524 JFE917523:JFI917524 JPA917523:JPE917524 JYW917523:JZA917524 KIS917523:KIW917524 KSO917523:KSS917524 LCK917523:LCO917524 LMG917523:LMK917524 LWC917523:LWG917524 MFY917523:MGC917524 MPU917523:MPY917524 MZQ917523:MZU917524 NJM917523:NJQ917524 NTI917523:NTM917524 ODE917523:ODI917524 ONA917523:ONE917524 OWW917523:OXA917524 PGS917523:PGW917524 PQO917523:PQS917524 QAK917523:QAO917524 QKG917523:QKK917524 QUC917523:QUG917524 RDY917523:REC917524 RNU917523:RNY917524 RXQ917523:RXU917524 SHM917523:SHQ917524 SRI917523:SRM917524 TBE917523:TBI917524 TLA917523:TLE917524 TUW917523:TVA917524 UES917523:UEW917524 UOO917523:UOS917524 UYK917523:UYO917524 VIG917523:VIK917524 VSC917523:VSG917524 WBY917523:WCC917524 WLU917523:WLY917524 WVQ917523:WVU917524 I983059:M983060 JE983059:JI983060 TA983059:TE983060 ACW983059:ADA983060 AMS983059:AMW983060 AWO983059:AWS983060 BGK983059:BGO983060 BQG983059:BQK983060 CAC983059:CAG983060 CJY983059:CKC983060 CTU983059:CTY983060 DDQ983059:DDU983060 DNM983059:DNQ983060 DXI983059:DXM983060 EHE983059:EHI983060 ERA983059:ERE983060 FAW983059:FBA983060 FKS983059:FKW983060 FUO983059:FUS983060 GEK983059:GEO983060 GOG983059:GOK983060 GYC983059:GYG983060 HHY983059:HIC983060 HRU983059:HRY983060 IBQ983059:IBU983060 ILM983059:ILQ983060 IVI983059:IVM983060 JFE983059:JFI983060 JPA983059:JPE983060 JYW983059:JZA983060 KIS983059:KIW983060 KSO983059:KSS983060 LCK983059:LCO983060 LMG983059:LMK983060 LWC983059:LWG983060 MFY983059:MGC983060 MPU983059:MPY983060 MZQ983059:MZU983060 NJM983059:NJQ983060 NTI983059:NTM983060 ODE983059:ODI983060 ONA983059:ONE983060 OWW983059:OXA983060 PGS983059:PGW983060 PQO983059:PQS983060 QAK983059:QAO983060 QKG983059:QKK983060 QUC983059:QUG983060 RDY983059:REC983060 RNU983059:RNY983060 RXQ983059:RXU983060 SHM983059:SHQ983060 SRI983059:SRM983060 TBE983059:TBI983060 TLA983059:TLE983060 TUW983059:TVA983060 UES983059:UEW983060 UOO983059:UOS983060 UYK983059:UYO983060 VIG983059:VIK983060 VSC983059:VSG983060 WBY983059:WCC983060 WLU983059:WLY983060 WVQ983059:WVU983060" xr:uid="{00000000-0002-0000-0100-00000F000000}"/>
    <dataValidation imeMode="on" allowBlank="1" showInputMessage="1" showErrorMessage="1" promptTitle="発注リードタイム" prompt="御社に注文が入ってから、取引先に納品されるまでを、日数で記入してください。エリアや最低ケース納品単位によって違う場合は、その内容を記載してください。" sqref="I21:M22 JE21:JI22 TA21:TE22 ACW21:ADA22 AMS21:AMW22 AWO21:AWS22 BGK21:BGO22 BQG21:BQK22 CAC21:CAG22 CJY21:CKC22 CTU21:CTY22 DDQ21:DDU22 DNM21:DNQ22 DXI21:DXM22 EHE21:EHI22 ERA21:ERE22 FAW21:FBA22 FKS21:FKW22 FUO21:FUS22 GEK21:GEO22 GOG21:GOK22 GYC21:GYG22 HHY21:HIC22 HRU21:HRY22 IBQ21:IBU22 ILM21:ILQ22 IVI21:IVM22 JFE21:JFI22 JPA21:JPE22 JYW21:JZA22 KIS21:KIW22 KSO21:KSS22 LCK21:LCO22 LMG21:LMK22 LWC21:LWG22 MFY21:MGC22 MPU21:MPY22 MZQ21:MZU22 NJM21:NJQ22 NTI21:NTM22 ODE21:ODI22 ONA21:ONE22 OWW21:OXA22 PGS21:PGW22 PQO21:PQS22 QAK21:QAO22 QKG21:QKK22 QUC21:QUG22 RDY21:REC22 RNU21:RNY22 RXQ21:RXU22 SHM21:SHQ22 SRI21:SRM22 TBE21:TBI22 TLA21:TLE22 TUW21:TVA22 UES21:UEW22 UOO21:UOS22 UYK21:UYO22 VIG21:VIK22 VSC21:VSG22 WBY21:WCC22 WLU21:WLY22 WVQ21:WVU22 I65557:M65558 JE65557:JI65558 TA65557:TE65558 ACW65557:ADA65558 AMS65557:AMW65558 AWO65557:AWS65558 BGK65557:BGO65558 BQG65557:BQK65558 CAC65557:CAG65558 CJY65557:CKC65558 CTU65557:CTY65558 DDQ65557:DDU65558 DNM65557:DNQ65558 DXI65557:DXM65558 EHE65557:EHI65558 ERA65557:ERE65558 FAW65557:FBA65558 FKS65557:FKW65558 FUO65557:FUS65558 GEK65557:GEO65558 GOG65557:GOK65558 GYC65557:GYG65558 HHY65557:HIC65558 HRU65557:HRY65558 IBQ65557:IBU65558 ILM65557:ILQ65558 IVI65557:IVM65558 JFE65557:JFI65558 JPA65557:JPE65558 JYW65557:JZA65558 KIS65557:KIW65558 KSO65557:KSS65558 LCK65557:LCO65558 LMG65557:LMK65558 LWC65557:LWG65558 MFY65557:MGC65558 MPU65557:MPY65558 MZQ65557:MZU65558 NJM65557:NJQ65558 NTI65557:NTM65558 ODE65557:ODI65558 ONA65557:ONE65558 OWW65557:OXA65558 PGS65557:PGW65558 PQO65557:PQS65558 QAK65557:QAO65558 QKG65557:QKK65558 QUC65557:QUG65558 RDY65557:REC65558 RNU65557:RNY65558 RXQ65557:RXU65558 SHM65557:SHQ65558 SRI65557:SRM65558 TBE65557:TBI65558 TLA65557:TLE65558 TUW65557:TVA65558 UES65557:UEW65558 UOO65557:UOS65558 UYK65557:UYO65558 VIG65557:VIK65558 VSC65557:VSG65558 WBY65557:WCC65558 WLU65557:WLY65558 WVQ65557:WVU65558 I131093:M131094 JE131093:JI131094 TA131093:TE131094 ACW131093:ADA131094 AMS131093:AMW131094 AWO131093:AWS131094 BGK131093:BGO131094 BQG131093:BQK131094 CAC131093:CAG131094 CJY131093:CKC131094 CTU131093:CTY131094 DDQ131093:DDU131094 DNM131093:DNQ131094 DXI131093:DXM131094 EHE131093:EHI131094 ERA131093:ERE131094 FAW131093:FBA131094 FKS131093:FKW131094 FUO131093:FUS131094 GEK131093:GEO131094 GOG131093:GOK131094 GYC131093:GYG131094 HHY131093:HIC131094 HRU131093:HRY131094 IBQ131093:IBU131094 ILM131093:ILQ131094 IVI131093:IVM131094 JFE131093:JFI131094 JPA131093:JPE131094 JYW131093:JZA131094 KIS131093:KIW131094 KSO131093:KSS131094 LCK131093:LCO131094 LMG131093:LMK131094 LWC131093:LWG131094 MFY131093:MGC131094 MPU131093:MPY131094 MZQ131093:MZU131094 NJM131093:NJQ131094 NTI131093:NTM131094 ODE131093:ODI131094 ONA131093:ONE131094 OWW131093:OXA131094 PGS131093:PGW131094 PQO131093:PQS131094 QAK131093:QAO131094 QKG131093:QKK131094 QUC131093:QUG131094 RDY131093:REC131094 RNU131093:RNY131094 RXQ131093:RXU131094 SHM131093:SHQ131094 SRI131093:SRM131094 TBE131093:TBI131094 TLA131093:TLE131094 TUW131093:TVA131094 UES131093:UEW131094 UOO131093:UOS131094 UYK131093:UYO131094 VIG131093:VIK131094 VSC131093:VSG131094 WBY131093:WCC131094 WLU131093:WLY131094 WVQ131093:WVU131094 I196629:M196630 JE196629:JI196630 TA196629:TE196630 ACW196629:ADA196630 AMS196629:AMW196630 AWO196629:AWS196630 BGK196629:BGO196630 BQG196629:BQK196630 CAC196629:CAG196630 CJY196629:CKC196630 CTU196629:CTY196630 DDQ196629:DDU196630 DNM196629:DNQ196630 DXI196629:DXM196630 EHE196629:EHI196630 ERA196629:ERE196630 FAW196629:FBA196630 FKS196629:FKW196630 FUO196629:FUS196630 GEK196629:GEO196630 GOG196629:GOK196630 GYC196629:GYG196630 HHY196629:HIC196630 HRU196629:HRY196630 IBQ196629:IBU196630 ILM196629:ILQ196630 IVI196629:IVM196630 JFE196629:JFI196630 JPA196629:JPE196630 JYW196629:JZA196630 KIS196629:KIW196630 KSO196629:KSS196630 LCK196629:LCO196630 LMG196629:LMK196630 LWC196629:LWG196630 MFY196629:MGC196630 MPU196629:MPY196630 MZQ196629:MZU196630 NJM196629:NJQ196630 NTI196629:NTM196630 ODE196629:ODI196630 ONA196629:ONE196630 OWW196629:OXA196630 PGS196629:PGW196630 PQO196629:PQS196630 QAK196629:QAO196630 QKG196629:QKK196630 QUC196629:QUG196630 RDY196629:REC196630 RNU196629:RNY196630 RXQ196629:RXU196630 SHM196629:SHQ196630 SRI196629:SRM196630 TBE196629:TBI196630 TLA196629:TLE196630 TUW196629:TVA196630 UES196629:UEW196630 UOO196629:UOS196630 UYK196629:UYO196630 VIG196629:VIK196630 VSC196629:VSG196630 WBY196629:WCC196630 WLU196629:WLY196630 WVQ196629:WVU196630 I262165:M262166 JE262165:JI262166 TA262165:TE262166 ACW262165:ADA262166 AMS262165:AMW262166 AWO262165:AWS262166 BGK262165:BGO262166 BQG262165:BQK262166 CAC262165:CAG262166 CJY262165:CKC262166 CTU262165:CTY262166 DDQ262165:DDU262166 DNM262165:DNQ262166 DXI262165:DXM262166 EHE262165:EHI262166 ERA262165:ERE262166 FAW262165:FBA262166 FKS262165:FKW262166 FUO262165:FUS262166 GEK262165:GEO262166 GOG262165:GOK262166 GYC262165:GYG262166 HHY262165:HIC262166 HRU262165:HRY262166 IBQ262165:IBU262166 ILM262165:ILQ262166 IVI262165:IVM262166 JFE262165:JFI262166 JPA262165:JPE262166 JYW262165:JZA262166 KIS262165:KIW262166 KSO262165:KSS262166 LCK262165:LCO262166 LMG262165:LMK262166 LWC262165:LWG262166 MFY262165:MGC262166 MPU262165:MPY262166 MZQ262165:MZU262166 NJM262165:NJQ262166 NTI262165:NTM262166 ODE262165:ODI262166 ONA262165:ONE262166 OWW262165:OXA262166 PGS262165:PGW262166 PQO262165:PQS262166 QAK262165:QAO262166 QKG262165:QKK262166 QUC262165:QUG262166 RDY262165:REC262166 RNU262165:RNY262166 RXQ262165:RXU262166 SHM262165:SHQ262166 SRI262165:SRM262166 TBE262165:TBI262166 TLA262165:TLE262166 TUW262165:TVA262166 UES262165:UEW262166 UOO262165:UOS262166 UYK262165:UYO262166 VIG262165:VIK262166 VSC262165:VSG262166 WBY262165:WCC262166 WLU262165:WLY262166 WVQ262165:WVU262166 I327701:M327702 JE327701:JI327702 TA327701:TE327702 ACW327701:ADA327702 AMS327701:AMW327702 AWO327701:AWS327702 BGK327701:BGO327702 BQG327701:BQK327702 CAC327701:CAG327702 CJY327701:CKC327702 CTU327701:CTY327702 DDQ327701:DDU327702 DNM327701:DNQ327702 DXI327701:DXM327702 EHE327701:EHI327702 ERA327701:ERE327702 FAW327701:FBA327702 FKS327701:FKW327702 FUO327701:FUS327702 GEK327701:GEO327702 GOG327701:GOK327702 GYC327701:GYG327702 HHY327701:HIC327702 HRU327701:HRY327702 IBQ327701:IBU327702 ILM327701:ILQ327702 IVI327701:IVM327702 JFE327701:JFI327702 JPA327701:JPE327702 JYW327701:JZA327702 KIS327701:KIW327702 KSO327701:KSS327702 LCK327701:LCO327702 LMG327701:LMK327702 LWC327701:LWG327702 MFY327701:MGC327702 MPU327701:MPY327702 MZQ327701:MZU327702 NJM327701:NJQ327702 NTI327701:NTM327702 ODE327701:ODI327702 ONA327701:ONE327702 OWW327701:OXA327702 PGS327701:PGW327702 PQO327701:PQS327702 QAK327701:QAO327702 QKG327701:QKK327702 QUC327701:QUG327702 RDY327701:REC327702 RNU327701:RNY327702 RXQ327701:RXU327702 SHM327701:SHQ327702 SRI327701:SRM327702 TBE327701:TBI327702 TLA327701:TLE327702 TUW327701:TVA327702 UES327701:UEW327702 UOO327701:UOS327702 UYK327701:UYO327702 VIG327701:VIK327702 VSC327701:VSG327702 WBY327701:WCC327702 WLU327701:WLY327702 WVQ327701:WVU327702 I393237:M393238 JE393237:JI393238 TA393237:TE393238 ACW393237:ADA393238 AMS393237:AMW393238 AWO393237:AWS393238 BGK393237:BGO393238 BQG393237:BQK393238 CAC393237:CAG393238 CJY393237:CKC393238 CTU393237:CTY393238 DDQ393237:DDU393238 DNM393237:DNQ393238 DXI393237:DXM393238 EHE393237:EHI393238 ERA393237:ERE393238 FAW393237:FBA393238 FKS393237:FKW393238 FUO393237:FUS393238 GEK393237:GEO393238 GOG393237:GOK393238 GYC393237:GYG393238 HHY393237:HIC393238 HRU393237:HRY393238 IBQ393237:IBU393238 ILM393237:ILQ393238 IVI393237:IVM393238 JFE393237:JFI393238 JPA393237:JPE393238 JYW393237:JZA393238 KIS393237:KIW393238 KSO393237:KSS393238 LCK393237:LCO393238 LMG393237:LMK393238 LWC393237:LWG393238 MFY393237:MGC393238 MPU393237:MPY393238 MZQ393237:MZU393238 NJM393237:NJQ393238 NTI393237:NTM393238 ODE393237:ODI393238 ONA393237:ONE393238 OWW393237:OXA393238 PGS393237:PGW393238 PQO393237:PQS393238 QAK393237:QAO393238 QKG393237:QKK393238 QUC393237:QUG393238 RDY393237:REC393238 RNU393237:RNY393238 RXQ393237:RXU393238 SHM393237:SHQ393238 SRI393237:SRM393238 TBE393237:TBI393238 TLA393237:TLE393238 TUW393237:TVA393238 UES393237:UEW393238 UOO393237:UOS393238 UYK393237:UYO393238 VIG393237:VIK393238 VSC393237:VSG393238 WBY393237:WCC393238 WLU393237:WLY393238 WVQ393237:WVU393238 I458773:M458774 JE458773:JI458774 TA458773:TE458774 ACW458773:ADA458774 AMS458773:AMW458774 AWO458773:AWS458774 BGK458773:BGO458774 BQG458773:BQK458774 CAC458773:CAG458774 CJY458773:CKC458774 CTU458773:CTY458774 DDQ458773:DDU458774 DNM458773:DNQ458774 DXI458773:DXM458774 EHE458773:EHI458774 ERA458773:ERE458774 FAW458773:FBA458774 FKS458773:FKW458774 FUO458773:FUS458774 GEK458773:GEO458774 GOG458773:GOK458774 GYC458773:GYG458774 HHY458773:HIC458774 HRU458773:HRY458774 IBQ458773:IBU458774 ILM458773:ILQ458774 IVI458773:IVM458774 JFE458773:JFI458774 JPA458773:JPE458774 JYW458773:JZA458774 KIS458773:KIW458774 KSO458773:KSS458774 LCK458773:LCO458774 LMG458773:LMK458774 LWC458773:LWG458774 MFY458773:MGC458774 MPU458773:MPY458774 MZQ458773:MZU458774 NJM458773:NJQ458774 NTI458773:NTM458774 ODE458773:ODI458774 ONA458773:ONE458774 OWW458773:OXA458774 PGS458773:PGW458774 PQO458773:PQS458774 QAK458773:QAO458774 QKG458773:QKK458774 QUC458773:QUG458774 RDY458773:REC458774 RNU458773:RNY458774 RXQ458773:RXU458774 SHM458773:SHQ458774 SRI458773:SRM458774 TBE458773:TBI458774 TLA458773:TLE458774 TUW458773:TVA458774 UES458773:UEW458774 UOO458773:UOS458774 UYK458773:UYO458774 VIG458773:VIK458774 VSC458773:VSG458774 WBY458773:WCC458774 WLU458773:WLY458774 WVQ458773:WVU458774 I524309:M524310 JE524309:JI524310 TA524309:TE524310 ACW524309:ADA524310 AMS524309:AMW524310 AWO524309:AWS524310 BGK524309:BGO524310 BQG524309:BQK524310 CAC524309:CAG524310 CJY524309:CKC524310 CTU524309:CTY524310 DDQ524309:DDU524310 DNM524309:DNQ524310 DXI524309:DXM524310 EHE524309:EHI524310 ERA524309:ERE524310 FAW524309:FBA524310 FKS524309:FKW524310 FUO524309:FUS524310 GEK524309:GEO524310 GOG524309:GOK524310 GYC524309:GYG524310 HHY524309:HIC524310 HRU524309:HRY524310 IBQ524309:IBU524310 ILM524309:ILQ524310 IVI524309:IVM524310 JFE524309:JFI524310 JPA524309:JPE524310 JYW524309:JZA524310 KIS524309:KIW524310 KSO524309:KSS524310 LCK524309:LCO524310 LMG524309:LMK524310 LWC524309:LWG524310 MFY524309:MGC524310 MPU524309:MPY524310 MZQ524309:MZU524310 NJM524309:NJQ524310 NTI524309:NTM524310 ODE524309:ODI524310 ONA524309:ONE524310 OWW524309:OXA524310 PGS524309:PGW524310 PQO524309:PQS524310 QAK524309:QAO524310 QKG524309:QKK524310 QUC524309:QUG524310 RDY524309:REC524310 RNU524309:RNY524310 RXQ524309:RXU524310 SHM524309:SHQ524310 SRI524309:SRM524310 TBE524309:TBI524310 TLA524309:TLE524310 TUW524309:TVA524310 UES524309:UEW524310 UOO524309:UOS524310 UYK524309:UYO524310 VIG524309:VIK524310 VSC524309:VSG524310 WBY524309:WCC524310 WLU524309:WLY524310 WVQ524309:WVU524310 I589845:M589846 JE589845:JI589846 TA589845:TE589846 ACW589845:ADA589846 AMS589845:AMW589846 AWO589845:AWS589846 BGK589845:BGO589846 BQG589845:BQK589846 CAC589845:CAG589846 CJY589845:CKC589846 CTU589845:CTY589846 DDQ589845:DDU589846 DNM589845:DNQ589846 DXI589845:DXM589846 EHE589845:EHI589846 ERA589845:ERE589846 FAW589845:FBA589846 FKS589845:FKW589846 FUO589845:FUS589846 GEK589845:GEO589846 GOG589845:GOK589846 GYC589845:GYG589846 HHY589845:HIC589846 HRU589845:HRY589846 IBQ589845:IBU589846 ILM589845:ILQ589846 IVI589845:IVM589846 JFE589845:JFI589846 JPA589845:JPE589846 JYW589845:JZA589846 KIS589845:KIW589846 KSO589845:KSS589846 LCK589845:LCO589846 LMG589845:LMK589846 LWC589845:LWG589846 MFY589845:MGC589846 MPU589845:MPY589846 MZQ589845:MZU589846 NJM589845:NJQ589846 NTI589845:NTM589846 ODE589845:ODI589846 ONA589845:ONE589846 OWW589845:OXA589846 PGS589845:PGW589846 PQO589845:PQS589846 QAK589845:QAO589846 QKG589845:QKK589846 QUC589845:QUG589846 RDY589845:REC589846 RNU589845:RNY589846 RXQ589845:RXU589846 SHM589845:SHQ589846 SRI589845:SRM589846 TBE589845:TBI589846 TLA589845:TLE589846 TUW589845:TVA589846 UES589845:UEW589846 UOO589845:UOS589846 UYK589845:UYO589846 VIG589845:VIK589846 VSC589845:VSG589846 WBY589845:WCC589846 WLU589845:WLY589846 WVQ589845:WVU589846 I655381:M655382 JE655381:JI655382 TA655381:TE655382 ACW655381:ADA655382 AMS655381:AMW655382 AWO655381:AWS655382 BGK655381:BGO655382 BQG655381:BQK655382 CAC655381:CAG655382 CJY655381:CKC655382 CTU655381:CTY655382 DDQ655381:DDU655382 DNM655381:DNQ655382 DXI655381:DXM655382 EHE655381:EHI655382 ERA655381:ERE655382 FAW655381:FBA655382 FKS655381:FKW655382 FUO655381:FUS655382 GEK655381:GEO655382 GOG655381:GOK655382 GYC655381:GYG655382 HHY655381:HIC655382 HRU655381:HRY655382 IBQ655381:IBU655382 ILM655381:ILQ655382 IVI655381:IVM655382 JFE655381:JFI655382 JPA655381:JPE655382 JYW655381:JZA655382 KIS655381:KIW655382 KSO655381:KSS655382 LCK655381:LCO655382 LMG655381:LMK655382 LWC655381:LWG655382 MFY655381:MGC655382 MPU655381:MPY655382 MZQ655381:MZU655382 NJM655381:NJQ655382 NTI655381:NTM655382 ODE655381:ODI655382 ONA655381:ONE655382 OWW655381:OXA655382 PGS655381:PGW655382 PQO655381:PQS655382 QAK655381:QAO655382 QKG655381:QKK655382 QUC655381:QUG655382 RDY655381:REC655382 RNU655381:RNY655382 RXQ655381:RXU655382 SHM655381:SHQ655382 SRI655381:SRM655382 TBE655381:TBI655382 TLA655381:TLE655382 TUW655381:TVA655382 UES655381:UEW655382 UOO655381:UOS655382 UYK655381:UYO655382 VIG655381:VIK655382 VSC655381:VSG655382 WBY655381:WCC655382 WLU655381:WLY655382 WVQ655381:WVU655382 I720917:M720918 JE720917:JI720918 TA720917:TE720918 ACW720917:ADA720918 AMS720917:AMW720918 AWO720917:AWS720918 BGK720917:BGO720918 BQG720917:BQK720918 CAC720917:CAG720918 CJY720917:CKC720918 CTU720917:CTY720918 DDQ720917:DDU720918 DNM720917:DNQ720918 DXI720917:DXM720918 EHE720917:EHI720918 ERA720917:ERE720918 FAW720917:FBA720918 FKS720917:FKW720918 FUO720917:FUS720918 GEK720917:GEO720918 GOG720917:GOK720918 GYC720917:GYG720918 HHY720917:HIC720918 HRU720917:HRY720918 IBQ720917:IBU720918 ILM720917:ILQ720918 IVI720917:IVM720918 JFE720917:JFI720918 JPA720917:JPE720918 JYW720917:JZA720918 KIS720917:KIW720918 KSO720917:KSS720918 LCK720917:LCO720918 LMG720917:LMK720918 LWC720917:LWG720918 MFY720917:MGC720918 MPU720917:MPY720918 MZQ720917:MZU720918 NJM720917:NJQ720918 NTI720917:NTM720918 ODE720917:ODI720918 ONA720917:ONE720918 OWW720917:OXA720918 PGS720917:PGW720918 PQO720917:PQS720918 QAK720917:QAO720918 QKG720917:QKK720918 QUC720917:QUG720918 RDY720917:REC720918 RNU720917:RNY720918 RXQ720917:RXU720918 SHM720917:SHQ720918 SRI720917:SRM720918 TBE720917:TBI720918 TLA720917:TLE720918 TUW720917:TVA720918 UES720917:UEW720918 UOO720917:UOS720918 UYK720917:UYO720918 VIG720917:VIK720918 VSC720917:VSG720918 WBY720917:WCC720918 WLU720917:WLY720918 WVQ720917:WVU720918 I786453:M786454 JE786453:JI786454 TA786453:TE786454 ACW786453:ADA786454 AMS786453:AMW786454 AWO786453:AWS786454 BGK786453:BGO786454 BQG786453:BQK786454 CAC786453:CAG786454 CJY786453:CKC786454 CTU786453:CTY786454 DDQ786453:DDU786454 DNM786453:DNQ786454 DXI786453:DXM786454 EHE786453:EHI786454 ERA786453:ERE786454 FAW786453:FBA786454 FKS786453:FKW786454 FUO786453:FUS786454 GEK786453:GEO786454 GOG786453:GOK786454 GYC786453:GYG786454 HHY786453:HIC786454 HRU786453:HRY786454 IBQ786453:IBU786454 ILM786453:ILQ786454 IVI786453:IVM786454 JFE786453:JFI786454 JPA786453:JPE786454 JYW786453:JZA786454 KIS786453:KIW786454 KSO786453:KSS786454 LCK786453:LCO786454 LMG786453:LMK786454 LWC786453:LWG786454 MFY786453:MGC786454 MPU786453:MPY786454 MZQ786453:MZU786454 NJM786453:NJQ786454 NTI786453:NTM786454 ODE786453:ODI786454 ONA786453:ONE786454 OWW786453:OXA786454 PGS786453:PGW786454 PQO786453:PQS786454 QAK786453:QAO786454 QKG786453:QKK786454 QUC786453:QUG786454 RDY786453:REC786454 RNU786453:RNY786454 RXQ786453:RXU786454 SHM786453:SHQ786454 SRI786453:SRM786454 TBE786453:TBI786454 TLA786453:TLE786454 TUW786453:TVA786454 UES786453:UEW786454 UOO786453:UOS786454 UYK786453:UYO786454 VIG786453:VIK786454 VSC786453:VSG786454 WBY786453:WCC786454 WLU786453:WLY786454 WVQ786453:WVU786454 I851989:M851990 JE851989:JI851990 TA851989:TE851990 ACW851989:ADA851990 AMS851989:AMW851990 AWO851989:AWS851990 BGK851989:BGO851990 BQG851989:BQK851990 CAC851989:CAG851990 CJY851989:CKC851990 CTU851989:CTY851990 DDQ851989:DDU851990 DNM851989:DNQ851990 DXI851989:DXM851990 EHE851989:EHI851990 ERA851989:ERE851990 FAW851989:FBA851990 FKS851989:FKW851990 FUO851989:FUS851990 GEK851989:GEO851990 GOG851989:GOK851990 GYC851989:GYG851990 HHY851989:HIC851990 HRU851989:HRY851990 IBQ851989:IBU851990 ILM851989:ILQ851990 IVI851989:IVM851990 JFE851989:JFI851990 JPA851989:JPE851990 JYW851989:JZA851990 KIS851989:KIW851990 KSO851989:KSS851990 LCK851989:LCO851990 LMG851989:LMK851990 LWC851989:LWG851990 MFY851989:MGC851990 MPU851989:MPY851990 MZQ851989:MZU851990 NJM851989:NJQ851990 NTI851989:NTM851990 ODE851989:ODI851990 ONA851989:ONE851990 OWW851989:OXA851990 PGS851989:PGW851990 PQO851989:PQS851990 QAK851989:QAO851990 QKG851989:QKK851990 QUC851989:QUG851990 RDY851989:REC851990 RNU851989:RNY851990 RXQ851989:RXU851990 SHM851989:SHQ851990 SRI851989:SRM851990 TBE851989:TBI851990 TLA851989:TLE851990 TUW851989:TVA851990 UES851989:UEW851990 UOO851989:UOS851990 UYK851989:UYO851990 VIG851989:VIK851990 VSC851989:VSG851990 WBY851989:WCC851990 WLU851989:WLY851990 WVQ851989:WVU851990 I917525:M917526 JE917525:JI917526 TA917525:TE917526 ACW917525:ADA917526 AMS917525:AMW917526 AWO917525:AWS917526 BGK917525:BGO917526 BQG917525:BQK917526 CAC917525:CAG917526 CJY917525:CKC917526 CTU917525:CTY917526 DDQ917525:DDU917526 DNM917525:DNQ917526 DXI917525:DXM917526 EHE917525:EHI917526 ERA917525:ERE917526 FAW917525:FBA917526 FKS917525:FKW917526 FUO917525:FUS917526 GEK917525:GEO917526 GOG917525:GOK917526 GYC917525:GYG917526 HHY917525:HIC917526 HRU917525:HRY917526 IBQ917525:IBU917526 ILM917525:ILQ917526 IVI917525:IVM917526 JFE917525:JFI917526 JPA917525:JPE917526 JYW917525:JZA917526 KIS917525:KIW917526 KSO917525:KSS917526 LCK917525:LCO917526 LMG917525:LMK917526 LWC917525:LWG917526 MFY917525:MGC917526 MPU917525:MPY917526 MZQ917525:MZU917526 NJM917525:NJQ917526 NTI917525:NTM917526 ODE917525:ODI917526 ONA917525:ONE917526 OWW917525:OXA917526 PGS917525:PGW917526 PQO917525:PQS917526 QAK917525:QAO917526 QKG917525:QKK917526 QUC917525:QUG917526 RDY917525:REC917526 RNU917525:RNY917526 RXQ917525:RXU917526 SHM917525:SHQ917526 SRI917525:SRM917526 TBE917525:TBI917526 TLA917525:TLE917526 TUW917525:TVA917526 UES917525:UEW917526 UOO917525:UOS917526 UYK917525:UYO917526 VIG917525:VIK917526 VSC917525:VSG917526 WBY917525:WCC917526 WLU917525:WLY917526 WVQ917525:WVU917526 I983061:M983062 JE983061:JI983062 TA983061:TE983062 ACW983061:ADA983062 AMS983061:AMW983062 AWO983061:AWS983062 BGK983061:BGO983062 BQG983061:BQK983062 CAC983061:CAG983062 CJY983061:CKC983062 CTU983061:CTY983062 DDQ983061:DDU983062 DNM983061:DNQ983062 DXI983061:DXM983062 EHE983061:EHI983062 ERA983061:ERE983062 FAW983061:FBA983062 FKS983061:FKW983062 FUO983061:FUS983062 GEK983061:GEO983062 GOG983061:GOK983062 GYC983061:GYG983062 HHY983061:HIC983062 HRU983061:HRY983062 IBQ983061:IBU983062 ILM983061:ILQ983062 IVI983061:IVM983062 JFE983061:JFI983062 JPA983061:JPE983062 JYW983061:JZA983062 KIS983061:KIW983062 KSO983061:KSS983062 LCK983061:LCO983062 LMG983061:LMK983062 LWC983061:LWG983062 MFY983061:MGC983062 MPU983061:MPY983062 MZQ983061:MZU983062 NJM983061:NJQ983062 NTI983061:NTM983062 ODE983061:ODI983062 ONA983061:ONE983062 OWW983061:OXA983062 PGS983061:PGW983062 PQO983061:PQS983062 QAK983061:QAO983062 QKG983061:QKK983062 QUC983061:QUG983062 RDY983061:REC983062 RNU983061:RNY983062 RXQ983061:RXU983062 SHM983061:SHQ983062 SRI983061:SRM983062 TBE983061:TBI983062 TLA983061:TLE983062 TUW983061:TVA983062 UES983061:UEW983062 UOO983061:UOS983062 UYK983061:UYO983062 VIG983061:VIK983062 VSC983061:VSG983062 WBY983061:WCC983062 WLU983061:WLY983062 WVQ983061:WVU983062" xr:uid="{00000000-0002-0000-0100-000010000000}"/>
    <dataValidation imeMode="off" allowBlank="1" showInputMessage="1" showErrorMessage="1" promptTitle="賞味期限（Best-before）" prompt="おいしく食べることができる期限です。 この期限を過ぎても、すぐ食べられないということではありません。_x000a__x000a_定義：定められた方法により保存した場合において、期待されるすべての品質の保持が十分に可能であると認められる期限を示す年月日を いう。ただし、当該期限を超えた場合であっても、これらの品質が保持されていることがあるものとする。" sqref="X13:X14 JT13:JT14 TP13:TP14 ADL13:ADL14 ANH13:ANH14 AXD13:AXD14 BGZ13:BGZ14 BQV13:BQV14 CAR13:CAR14 CKN13:CKN14 CUJ13:CUJ14 DEF13:DEF14 DOB13:DOB14 DXX13:DXX14 EHT13:EHT14 ERP13:ERP14 FBL13:FBL14 FLH13:FLH14 FVD13:FVD14 GEZ13:GEZ14 GOV13:GOV14 GYR13:GYR14 HIN13:HIN14 HSJ13:HSJ14 ICF13:ICF14 IMB13:IMB14 IVX13:IVX14 JFT13:JFT14 JPP13:JPP14 JZL13:JZL14 KJH13:KJH14 KTD13:KTD14 LCZ13:LCZ14 LMV13:LMV14 LWR13:LWR14 MGN13:MGN14 MQJ13:MQJ14 NAF13:NAF14 NKB13:NKB14 NTX13:NTX14 ODT13:ODT14 ONP13:ONP14 OXL13:OXL14 PHH13:PHH14 PRD13:PRD14 QAZ13:QAZ14 QKV13:QKV14 QUR13:QUR14 REN13:REN14 ROJ13:ROJ14 RYF13:RYF14 SIB13:SIB14 SRX13:SRX14 TBT13:TBT14 TLP13:TLP14 TVL13:TVL14 UFH13:UFH14 UPD13:UPD14 UYZ13:UYZ14 VIV13:VIV14 VSR13:VSR14 WCN13:WCN14 WMJ13:WMJ14 WWF13:WWF14 X65549:X65550 JT65549:JT65550 TP65549:TP65550 ADL65549:ADL65550 ANH65549:ANH65550 AXD65549:AXD65550 BGZ65549:BGZ65550 BQV65549:BQV65550 CAR65549:CAR65550 CKN65549:CKN65550 CUJ65549:CUJ65550 DEF65549:DEF65550 DOB65549:DOB65550 DXX65549:DXX65550 EHT65549:EHT65550 ERP65549:ERP65550 FBL65549:FBL65550 FLH65549:FLH65550 FVD65549:FVD65550 GEZ65549:GEZ65550 GOV65549:GOV65550 GYR65549:GYR65550 HIN65549:HIN65550 HSJ65549:HSJ65550 ICF65549:ICF65550 IMB65549:IMB65550 IVX65549:IVX65550 JFT65549:JFT65550 JPP65549:JPP65550 JZL65549:JZL65550 KJH65549:KJH65550 KTD65549:KTD65550 LCZ65549:LCZ65550 LMV65549:LMV65550 LWR65549:LWR65550 MGN65549:MGN65550 MQJ65549:MQJ65550 NAF65549:NAF65550 NKB65549:NKB65550 NTX65549:NTX65550 ODT65549:ODT65550 ONP65549:ONP65550 OXL65549:OXL65550 PHH65549:PHH65550 PRD65549:PRD65550 QAZ65549:QAZ65550 QKV65549:QKV65550 QUR65549:QUR65550 REN65549:REN65550 ROJ65549:ROJ65550 RYF65549:RYF65550 SIB65549:SIB65550 SRX65549:SRX65550 TBT65549:TBT65550 TLP65549:TLP65550 TVL65549:TVL65550 UFH65549:UFH65550 UPD65549:UPD65550 UYZ65549:UYZ65550 VIV65549:VIV65550 VSR65549:VSR65550 WCN65549:WCN65550 WMJ65549:WMJ65550 WWF65549:WWF65550 X131085:X131086 JT131085:JT131086 TP131085:TP131086 ADL131085:ADL131086 ANH131085:ANH131086 AXD131085:AXD131086 BGZ131085:BGZ131086 BQV131085:BQV131086 CAR131085:CAR131086 CKN131085:CKN131086 CUJ131085:CUJ131086 DEF131085:DEF131086 DOB131085:DOB131086 DXX131085:DXX131086 EHT131085:EHT131086 ERP131085:ERP131086 FBL131085:FBL131086 FLH131085:FLH131086 FVD131085:FVD131086 GEZ131085:GEZ131086 GOV131085:GOV131086 GYR131085:GYR131086 HIN131085:HIN131086 HSJ131085:HSJ131086 ICF131085:ICF131086 IMB131085:IMB131086 IVX131085:IVX131086 JFT131085:JFT131086 JPP131085:JPP131086 JZL131085:JZL131086 KJH131085:KJH131086 KTD131085:KTD131086 LCZ131085:LCZ131086 LMV131085:LMV131086 LWR131085:LWR131086 MGN131085:MGN131086 MQJ131085:MQJ131086 NAF131085:NAF131086 NKB131085:NKB131086 NTX131085:NTX131086 ODT131085:ODT131086 ONP131085:ONP131086 OXL131085:OXL131086 PHH131085:PHH131086 PRD131085:PRD131086 QAZ131085:QAZ131086 QKV131085:QKV131086 QUR131085:QUR131086 REN131085:REN131086 ROJ131085:ROJ131086 RYF131085:RYF131086 SIB131085:SIB131086 SRX131085:SRX131086 TBT131085:TBT131086 TLP131085:TLP131086 TVL131085:TVL131086 UFH131085:UFH131086 UPD131085:UPD131086 UYZ131085:UYZ131086 VIV131085:VIV131086 VSR131085:VSR131086 WCN131085:WCN131086 WMJ131085:WMJ131086 WWF131085:WWF131086 X196621:X196622 JT196621:JT196622 TP196621:TP196622 ADL196621:ADL196622 ANH196621:ANH196622 AXD196621:AXD196622 BGZ196621:BGZ196622 BQV196621:BQV196622 CAR196621:CAR196622 CKN196621:CKN196622 CUJ196621:CUJ196622 DEF196621:DEF196622 DOB196621:DOB196622 DXX196621:DXX196622 EHT196621:EHT196622 ERP196621:ERP196622 FBL196621:FBL196622 FLH196621:FLH196622 FVD196621:FVD196622 GEZ196621:GEZ196622 GOV196621:GOV196622 GYR196621:GYR196622 HIN196621:HIN196622 HSJ196621:HSJ196622 ICF196621:ICF196622 IMB196621:IMB196622 IVX196621:IVX196622 JFT196621:JFT196622 JPP196621:JPP196622 JZL196621:JZL196622 KJH196621:KJH196622 KTD196621:KTD196622 LCZ196621:LCZ196622 LMV196621:LMV196622 LWR196621:LWR196622 MGN196621:MGN196622 MQJ196621:MQJ196622 NAF196621:NAF196622 NKB196621:NKB196622 NTX196621:NTX196622 ODT196621:ODT196622 ONP196621:ONP196622 OXL196621:OXL196622 PHH196621:PHH196622 PRD196621:PRD196622 QAZ196621:QAZ196622 QKV196621:QKV196622 QUR196621:QUR196622 REN196621:REN196622 ROJ196621:ROJ196622 RYF196621:RYF196622 SIB196621:SIB196622 SRX196621:SRX196622 TBT196621:TBT196622 TLP196621:TLP196622 TVL196621:TVL196622 UFH196621:UFH196622 UPD196621:UPD196622 UYZ196621:UYZ196622 VIV196621:VIV196622 VSR196621:VSR196622 WCN196621:WCN196622 WMJ196621:WMJ196622 WWF196621:WWF196622 X262157:X262158 JT262157:JT262158 TP262157:TP262158 ADL262157:ADL262158 ANH262157:ANH262158 AXD262157:AXD262158 BGZ262157:BGZ262158 BQV262157:BQV262158 CAR262157:CAR262158 CKN262157:CKN262158 CUJ262157:CUJ262158 DEF262157:DEF262158 DOB262157:DOB262158 DXX262157:DXX262158 EHT262157:EHT262158 ERP262157:ERP262158 FBL262157:FBL262158 FLH262157:FLH262158 FVD262157:FVD262158 GEZ262157:GEZ262158 GOV262157:GOV262158 GYR262157:GYR262158 HIN262157:HIN262158 HSJ262157:HSJ262158 ICF262157:ICF262158 IMB262157:IMB262158 IVX262157:IVX262158 JFT262157:JFT262158 JPP262157:JPP262158 JZL262157:JZL262158 KJH262157:KJH262158 KTD262157:KTD262158 LCZ262157:LCZ262158 LMV262157:LMV262158 LWR262157:LWR262158 MGN262157:MGN262158 MQJ262157:MQJ262158 NAF262157:NAF262158 NKB262157:NKB262158 NTX262157:NTX262158 ODT262157:ODT262158 ONP262157:ONP262158 OXL262157:OXL262158 PHH262157:PHH262158 PRD262157:PRD262158 QAZ262157:QAZ262158 QKV262157:QKV262158 QUR262157:QUR262158 REN262157:REN262158 ROJ262157:ROJ262158 RYF262157:RYF262158 SIB262157:SIB262158 SRX262157:SRX262158 TBT262157:TBT262158 TLP262157:TLP262158 TVL262157:TVL262158 UFH262157:UFH262158 UPD262157:UPD262158 UYZ262157:UYZ262158 VIV262157:VIV262158 VSR262157:VSR262158 WCN262157:WCN262158 WMJ262157:WMJ262158 WWF262157:WWF262158 X327693:X327694 JT327693:JT327694 TP327693:TP327694 ADL327693:ADL327694 ANH327693:ANH327694 AXD327693:AXD327694 BGZ327693:BGZ327694 BQV327693:BQV327694 CAR327693:CAR327694 CKN327693:CKN327694 CUJ327693:CUJ327694 DEF327693:DEF327694 DOB327693:DOB327694 DXX327693:DXX327694 EHT327693:EHT327694 ERP327693:ERP327694 FBL327693:FBL327694 FLH327693:FLH327694 FVD327693:FVD327694 GEZ327693:GEZ327694 GOV327693:GOV327694 GYR327693:GYR327694 HIN327693:HIN327694 HSJ327693:HSJ327694 ICF327693:ICF327694 IMB327693:IMB327694 IVX327693:IVX327694 JFT327693:JFT327694 JPP327693:JPP327694 JZL327693:JZL327694 KJH327693:KJH327694 KTD327693:KTD327694 LCZ327693:LCZ327694 LMV327693:LMV327694 LWR327693:LWR327694 MGN327693:MGN327694 MQJ327693:MQJ327694 NAF327693:NAF327694 NKB327693:NKB327694 NTX327693:NTX327694 ODT327693:ODT327694 ONP327693:ONP327694 OXL327693:OXL327694 PHH327693:PHH327694 PRD327693:PRD327694 QAZ327693:QAZ327694 QKV327693:QKV327694 QUR327693:QUR327694 REN327693:REN327694 ROJ327693:ROJ327694 RYF327693:RYF327694 SIB327693:SIB327694 SRX327693:SRX327694 TBT327693:TBT327694 TLP327693:TLP327694 TVL327693:TVL327694 UFH327693:UFH327694 UPD327693:UPD327694 UYZ327693:UYZ327694 VIV327693:VIV327694 VSR327693:VSR327694 WCN327693:WCN327694 WMJ327693:WMJ327694 WWF327693:WWF327694 X393229:X393230 JT393229:JT393230 TP393229:TP393230 ADL393229:ADL393230 ANH393229:ANH393230 AXD393229:AXD393230 BGZ393229:BGZ393230 BQV393229:BQV393230 CAR393229:CAR393230 CKN393229:CKN393230 CUJ393229:CUJ393230 DEF393229:DEF393230 DOB393229:DOB393230 DXX393229:DXX393230 EHT393229:EHT393230 ERP393229:ERP393230 FBL393229:FBL393230 FLH393229:FLH393230 FVD393229:FVD393230 GEZ393229:GEZ393230 GOV393229:GOV393230 GYR393229:GYR393230 HIN393229:HIN393230 HSJ393229:HSJ393230 ICF393229:ICF393230 IMB393229:IMB393230 IVX393229:IVX393230 JFT393229:JFT393230 JPP393229:JPP393230 JZL393229:JZL393230 KJH393229:KJH393230 KTD393229:KTD393230 LCZ393229:LCZ393230 LMV393229:LMV393230 LWR393229:LWR393230 MGN393229:MGN393230 MQJ393229:MQJ393230 NAF393229:NAF393230 NKB393229:NKB393230 NTX393229:NTX393230 ODT393229:ODT393230 ONP393229:ONP393230 OXL393229:OXL393230 PHH393229:PHH393230 PRD393229:PRD393230 QAZ393229:QAZ393230 QKV393229:QKV393230 QUR393229:QUR393230 REN393229:REN393230 ROJ393229:ROJ393230 RYF393229:RYF393230 SIB393229:SIB393230 SRX393229:SRX393230 TBT393229:TBT393230 TLP393229:TLP393230 TVL393229:TVL393230 UFH393229:UFH393230 UPD393229:UPD393230 UYZ393229:UYZ393230 VIV393229:VIV393230 VSR393229:VSR393230 WCN393229:WCN393230 WMJ393229:WMJ393230 WWF393229:WWF393230 X458765:X458766 JT458765:JT458766 TP458765:TP458766 ADL458765:ADL458766 ANH458765:ANH458766 AXD458765:AXD458766 BGZ458765:BGZ458766 BQV458765:BQV458766 CAR458765:CAR458766 CKN458765:CKN458766 CUJ458765:CUJ458766 DEF458765:DEF458766 DOB458765:DOB458766 DXX458765:DXX458766 EHT458765:EHT458766 ERP458765:ERP458766 FBL458765:FBL458766 FLH458765:FLH458766 FVD458765:FVD458766 GEZ458765:GEZ458766 GOV458765:GOV458766 GYR458765:GYR458766 HIN458765:HIN458766 HSJ458765:HSJ458766 ICF458765:ICF458766 IMB458765:IMB458766 IVX458765:IVX458766 JFT458765:JFT458766 JPP458765:JPP458766 JZL458765:JZL458766 KJH458765:KJH458766 KTD458765:KTD458766 LCZ458765:LCZ458766 LMV458765:LMV458766 LWR458765:LWR458766 MGN458765:MGN458766 MQJ458765:MQJ458766 NAF458765:NAF458766 NKB458765:NKB458766 NTX458765:NTX458766 ODT458765:ODT458766 ONP458765:ONP458766 OXL458765:OXL458766 PHH458765:PHH458766 PRD458765:PRD458766 QAZ458765:QAZ458766 QKV458765:QKV458766 QUR458765:QUR458766 REN458765:REN458766 ROJ458765:ROJ458766 RYF458765:RYF458766 SIB458765:SIB458766 SRX458765:SRX458766 TBT458765:TBT458766 TLP458765:TLP458766 TVL458765:TVL458766 UFH458765:UFH458766 UPD458765:UPD458766 UYZ458765:UYZ458766 VIV458765:VIV458766 VSR458765:VSR458766 WCN458765:WCN458766 WMJ458765:WMJ458766 WWF458765:WWF458766 X524301:X524302 JT524301:JT524302 TP524301:TP524302 ADL524301:ADL524302 ANH524301:ANH524302 AXD524301:AXD524302 BGZ524301:BGZ524302 BQV524301:BQV524302 CAR524301:CAR524302 CKN524301:CKN524302 CUJ524301:CUJ524302 DEF524301:DEF524302 DOB524301:DOB524302 DXX524301:DXX524302 EHT524301:EHT524302 ERP524301:ERP524302 FBL524301:FBL524302 FLH524301:FLH524302 FVD524301:FVD524302 GEZ524301:GEZ524302 GOV524301:GOV524302 GYR524301:GYR524302 HIN524301:HIN524302 HSJ524301:HSJ524302 ICF524301:ICF524302 IMB524301:IMB524302 IVX524301:IVX524302 JFT524301:JFT524302 JPP524301:JPP524302 JZL524301:JZL524302 KJH524301:KJH524302 KTD524301:KTD524302 LCZ524301:LCZ524302 LMV524301:LMV524302 LWR524301:LWR524302 MGN524301:MGN524302 MQJ524301:MQJ524302 NAF524301:NAF524302 NKB524301:NKB524302 NTX524301:NTX524302 ODT524301:ODT524302 ONP524301:ONP524302 OXL524301:OXL524302 PHH524301:PHH524302 PRD524301:PRD524302 QAZ524301:QAZ524302 QKV524301:QKV524302 QUR524301:QUR524302 REN524301:REN524302 ROJ524301:ROJ524302 RYF524301:RYF524302 SIB524301:SIB524302 SRX524301:SRX524302 TBT524301:TBT524302 TLP524301:TLP524302 TVL524301:TVL524302 UFH524301:UFH524302 UPD524301:UPD524302 UYZ524301:UYZ524302 VIV524301:VIV524302 VSR524301:VSR524302 WCN524301:WCN524302 WMJ524301:WMJ524302 WWF524301:WWF524302 X589837:X589838 JT589837:JT589838 TP589837:TP589838 ADL589837:ADL589838 ANH589837:ANH589838 AXD589837:AXD589838 BGZ589837:BGZ589838 BQV589837:BQV589838 CAR589837:CAR589838 CKN589837:CKN589838 CUJ589837:CUJ589838 DEF589837:DEF589838 DOB589837:DOB589838 DXX589837:DXX589838 EHT589837:EHT589838 ERP589837:ERP589838 FBL589837:FBL589838 FLH589837:FLH589838 FVD589837:FVD589838 GEZ589837:GEZ589838 GOV589837:GOV589838 GYR589837:GYR589838 HIN589837:HIN589838 HSJ589837:HSJ589838 ICF589837:ICF589838 IMB589837:IMB589838 IVX589837:IVX589838 JFT589837:JFT589838 JPP589837:JPP589838 JZL589837:JZL589838 KJH589837:KJH589838 KTD589837:KTD589838 LCZ589837:LCZ589838 LMV589837:LMV589838 LWR589837:LWR589838 MGN589837:MGN589838 MQJ589837:MQJ589838 NAF589837:NAF589838 NKB589837:NKB589838 NTX589837:NTX589838 ODT589837:ODT589838 ONP589837:ONP589838 OXL589837:OXL589838 PHH589837:PHH589838 PRD589837:PRD589838 QAZ589837:QAZ589838 QKV589837:QKV589838 QUR589837:QUR589838 REN589837:REN589838 ROJ589837:ROJ589838 RYF589837:RYF589838 SIB589837:SIB589838 SRX589837:SRX589838 TBT589837:TBT589838 TLP589837:TLP589838 TVL589837:TVL589838 UFH589837:UFH589838 UPD589837:UPD589838 UYZ589837:UYZ589838 VIV589837:VIV589838 VSR589837:VSR589838 WCN589837:WCN589838 WMJ589837:WMJ589838 WWF589837:WWF589838 X655373:X655374 JT655373:JT655374 TP655373:TP655374 ADL655373:ADL655374 ANH655373:ANH655374 AXD655373:AXD655374 BGZ655373:BGZ655374 BQV655373:BQV655374 CAR655373:CAR655374 CKN655373:CKN655374 CUJ655373:CUJ655374 DEF655373:DEF655374 DOB655373:DOB655374 DXX655373:DXX655374 EHT655373:EHT655374 ERP655373:ERP655374 FBL655373:FBL655374 FLH655373:FLH655374 FVD655373:FVD655374 GEZ655373:GEZ655374 GOV655373:GOV655374 GYR655373:GYR655374 HIN655373:HIN655374 HSJ655373:HSJ655374 ICF655373:ICF655374 IMB655373:IMB655374 IVX655373:IVX655374 JFT655373:JFT655374 JPP655373:JPP655374 JZL655373:JZL655374 KJH655373:KJH655374 KTD655373:KTD655374 LCZ655373:LCZ655374 LMV655373:LMV655374 LWR655373:LWR655374 MGN655373:MGN655374 MQJ655373:MQJ655374 NAF655373:NAF655374 NKB655373:NKB655374 NTX655373:NTX655374 ODT655373:ODT655374 ONP655373:ONP655374 OXL655373:OXL655374 PHH655373:PHH655374 PRD655373:PRD655374 QAZ655373:QAZ655374 QKV655373:QKV655374 QUR655373:QUR655374 REN655373:REN655374 ROJ655373:ROJ655374 RYF655373:RYF655374 SIB655373:SIB655374 SRX655373:SRX655374 TBT655373:TBT655374 TLP655373:TLP655374 TVL655373:TVL655374 UFH655373:UFH655374 UPD655373:UPD655374 UYZ655373:UYZ655374 VIV655373:VIV655374 VSR655373:VSR655374 WCN655373:WCN655374 WMJ655373:WMJ655374 WWF655373:WWF655374 X720909:X720910 JT720909:JT720910 TP720909:TP720910 ADL720909:ADL720910 ANH720909:ANH720910 AXD720909:AXD720910 BGZ720909:BGZ720910 BQV720909:BQV720910 CAR720909:CAR720910 CKN720909:CKN720910 CUJ720909:CUJ720910 DEF720909:DEF720910 DOB720909:DOB720910 DXX720909:DXX720910 EHT720909:EHT720910 ERP720909:ERP720910 FBL720909:FBL720910 FLH720909:FLH720910 FVD720909:FVD720910 GEZ720909:GEZ720910 GOV720909:GOV720910 GYR720909:GYR720910 HIN720909:HIN720910 HSJ720909:HSJ720910 ICF720909:ICF720910 IMB720909:IMB720910 IVX720909:IVX720910 JFT720909:JFT720910 JPP720909:JPP720910 JZL720909:JZL720910 KJH720909:KJH720910 KTD720909:KTD720910 LCZ720909:LCZ720910 LMV720909:LMV720910 LWR720909:LWR720910 MGN720909:MGN720910 MQJ720909:MQJ720910 NAF720909:NAF720910 NKB720909:NKB720910 NTX720909:NTX720910 ODT720909:ODT720910 ONP720909:ONP720910 OXL720909:OXL720910 PHH720909:PHH720910 PRD720909:PRD720910 QAZ720909:QAZ720910 QKV720909:QKV720910 QUR720909:QUR720910 REN720909:REN720910 ROJ720909:ROJ720910 RYF720909:RYF720910 SIB720909:SIB720910 SRX720909:SRX720910 TBT720909:TBT720910 TLP720909:TLP720910 TVL720909:TVL720910 UFH720909:UFH720910 UPD720909:UPD720910 UYZ720909:UYZ720910 VIV720909:VIV720910 VSR720909:VSR720910 WCN720909:WCN720910 WMJ720909:WMJ720910 WWF720909:WWF720910 X786445:X786446 JT786445:JT786446 TP786445:TP786446 ADL786445:ADL786446 ANH786445:ANH786446 AXD786445:AXD786446 BGZ786445:BGZ786446 BQV786445:BQV786446 CAR786445:CAR786446 CKN786445:CKN786446 CUJ786445:CUJ786446 DEF786445:DEF786446 DOB786445:DOB786446 DXX786445:DXX786446 EHT786445:EHT786446 ERP786445:ERP786446 FBL786445:FBL786446 FLH786445:FLH786446 FVD786445:FVD786446 GEZ786445:GEZ786446 GOV786445:GOV786446 GYR786445:GYR786446 HIN786445:HIN786446 HSJ786445:HSJ786446 ICF786445:ICF786446 IMB786445:IMB786446 IVX786445:IVX786446 JFT786445:JFT786446 JPP786445:JPP786446 JZL786445:JZL786446 KJH786445:KJH786446 KTD786445:KTD786446 LCZ786445:LCZ786446 LMV786445:LMV786446 LWR786445:LWR786446 MGN786445:MGN786446 MQJ786445:MQJ786446 NAF786445:NAF786446 NKB786445:NKB786446 NTX786445:NTX786446 ODT786445:ODT786446 ONP786445:ONP786446 OXL786445:OXL786446 PHH786445:PHH786446 PRD786445:PRD786446 QAZ786445:QAZ786446 QKV786445:QKV786446 QUR786445:QUR786446 REN786445:REN786446 ROJ786445:ROJ786446 RYF786445:RYF786446 SIB786445:SIB786446 SRX786445:SRX786446 TBT786445:TBT786446 TLP786445:TLP786446 TVL786445:TVL786446 UFH786445:UFH786446 UPD786445:UPD786446 UYZ786445:UYZ786446 VIV786445:VIV786446 VSR786445:VSR786446 WCN786445:WCN786446 WMJ786445:WMJ786446 WWF786445:WWF786446 X851981:X851982 JT851981:JT851982 TP851981:TP851982 ADL851981:ADL851982 ANH851981:ANH851982 AXD851981:AXD851982 BGZ851981:BGZ851982 BQV851981:BQV851982 CAR851981:CAR851982 CKN851981:CKN851982 CUJ851981:CUJ851982 DEF851981:DEF851982 DOB851981:DOB851982 DXX851981:DXX851982 EHT851981:EHT851982 ERP851981:ERP851982 FBL851981:FBL851982 FLH851981:FLH851982 FVD851981:FVD851982 GEZ851981:GEZ851982 GOV851981:GOV851982 GYR851981:GYR851982 HIN851981:HIN851982 HSJ851981:HSJ851982 ICF851981:ICF851982 IMB851981:IMB851982 IVX851981:IVX851982 JFT851981:JFT851982 JPP851981:JPP851982 JZL851981:JZL851982 KJH851981:KJH851982 KTD851981:KTD851982 LCZ851981:LCZ851982 LMV851981:LMV851982 LWR851981:LWR851982 MGN851981:MGN851982 MQJ851981:MQJ851982 NAF851981:NAF851982 NKB851981:NKB851982 NTX851981:NTX851982 ODT851981:ODT851982 ONP851981:ONP851982 OXL851981:OXL851982 PHH851981:PHH851982 PRD851981:PRD851982 QAZ851981:QAZ851982 QKV851981:QKV851982 QUR851981:QUR851982 REN851981:REN851982 ROJ851981:ROJ851982 RYF851981:RYF851982 SIB851981:SIB851982 SRX851981:SRX851982 TBT851981:TBT851982 TLP851981:TLP851982 TVL851981:TVL851982 UFH851981:UFH851982 UPD851981:UPD851982 UYZ851981:UYZ851982 VIV851981:VIV851982 VSR851981:VSR851982 WCN851981:WCN851982 WMJ851981:WMJ851982 WWF851981:WWF851982 X917517:X917518 JT917517:JT917518 TP917517:TP917518 ADL917517:ADL917518 ANH917517:ANH917518 AXD917517:AXD917518 BGZ917517:BGZ917518 BQV917517:BQV917518 CAR917517:CAR917518 CKN917517:CKN917518 CUJ917517:CUJ917518 DEF917517:DEF917518 DOB917517:DOB917518 DXX917517:DXX917518 EHT917517:EHT917518 ERP917517:ERP917518 FBL917517:FBL917518 FLH917517:FLH917518 FVD917517:FVD917518 GEZ917517:GEZ917518 GOV917517:GOV917518 GYR917517:GYR917518 HIN917517:HIN917518 HSJ917517:HSJ917518 ICF917517:ICF917518 IMB917517:IMB917518 IVX917517:IVX917518 JFT917517:JFT917518 JPP917517:JPP917518 JZL917517:JZL917518 KJH917517:KJH917518 KTD917517:KTD917518 LCZ917517:LCZ917518 LMV917517:LMV917518 LWR917517:LWR917518 MGN917517:MGN917518 MQJ917517:MQJ917518 NAF917517:NAF917518 NKB917517:NKB917518 NTX917517:NTX917518 ODT917517:ODT917518 ONP917517:ONP917518 OXL917517:OXL917518 PHH917517:PHH917518 PRD917517:PRD917518 QAZ917517:QAZ917518 QKV917517:QKV917518 QUR917517:QUR917518 REN917517:REN917518 ROJ917517:ROJ917518 RYF917517:RYF917518 SIB917517:SIB917518 SRX917517:SRX917518 TBT917517:TBT917518 TLP917517:TLP917518 TVL917517:TVL917518 UFH917517:UFH917518 UPD917517:UPD917518 UYZ917517:UYZ917518 VIV917517:VIV917518 VSR917517:VSR917518 WCN917517:WCN917518 WMJ917517:WMJ917518 WWF917517:WWF917518 X983053:X983054 JT983053:JT983054 TP983053:TP983054 ADL983053:ADL983054 ANH983053:ANH983054 AXD983053:AXD983054 BGZ983053:BGZ983054 BQV983053:BQV983054 CAR983053:CAR983054 CKN983053:CKN983054 CUJ983053:CUJ983054 DEF983053:DEF983054 DOB983053:DOB983054 DXX983053:DXX983054 EHT983053:EHT983054 ERP983053:ERP983054 FBL983053:FBL983054 FLH983053:FLH983054 FVD983053:FVD983054 GEZ983053:GEZ983054 GOV983053:GOV983054 GYR983053:GYR983054 HIN983053:HIN983054 HSJ983053:HSJ983054 ICF983053:ICF983054 IMB983053:IMB983054 IVX983053:IVX983054 JFT983053:JFT983054 JPP983053:JPP983054 JZL983053:JZL983054 KJH983053:KJH983054 KTD983053:KTD983054 LCZ983053:LCZ983054 LMV983053:LMV983054 LWR983053:LWR983054 MGN983053:MGN983054 MQJ983053:MQJ983054 NAF983053:NAF983054 NKB983053:NKB983054 NTX983053:NTX983054 ODT983053:ODT983054 ONP983053:ONP983054 OXL983053:OXL983054 PHH983053:PHH983054 PRD983053:PRD983054 QAZ983053:QAZ983054 QKV983053:QKV983054 QUR983053:QUR983054 REN983053:REN983054 ROJ983053:ROJ983054 RYF983053:RYF983054 SIB983053:SIB983054 SRX983053:SRX983054 TBT983053:TBT983054 TLP983053:TLP983054 TVL983053:TVL983054 UFH983053:UFH983054 UPD983053:UPD983054 UYZ983053:UYZ983054 VIV983053:VIV983054 VSR983053:VSR983054 WCN983053:WCN983054 WMJ983053:WMJ983054 WWF983053:WWF983054" xr:uid="{00000000-0002-0000-0100-000011000000}"/>
    <dataValidation imeMode="off" allowBlank="1" showInputMessage="1" showErrorMessage="1" promptTitle="消費期限（Use-by date）" prompt="・期限を過ぎたら食べない方が良い。_x000a__x000a_・定義：定められた方法により保存した場合において、腐敗、変敗その他の品質の劣化に　伴い安全性を欠くこととなるおそれがないと認められる期限を示す年月日をいう。" sqref="AB13:AB14 JX13:JX14 TT13:TT14 ADP13:ADP14 ANL13:ANL14 AXH13:AXH14 BHD13:BHD14 BQZ13:BQZ14 CAV13:CAV14 CKR13:CKR14 CUN13:CUN14 DEJ13:DEJ14 DOF13:DOF14 DYB13:DYB14 EHX13:EHX14 ERT13:ERT14 FBP13:FBP14 FLL13:FLL14 FVH13:FVH14 GFD13:GFD14 GOZ13:GOZ14 GYV13:GYV14 HIR13:HIR14 HSN13:HSN14 ICJ13:ICJ14 IMF13:IMF14 IWB13:IWB14 JFX13:JFX14 JPT13:JPT14 JZP13:JZP14 KJL13:KJL14 KTH13:KTH14 LDD13:LDD14 LMZ13:LMZ14 LWV13:LWV14 MGR13:MGR14 MQN13:MQN14 NAJ13:NAJ14 NKF13:NKF14 NUB13:NUB14 ODX13:ODX14 ONT13:ONT14 OXP13:OXP14 PHL13:PHL14 PRH13:PRH14 QBD13:QBD14 QKZ13:QKZ14 QUV13:QUV14 RER13:RER14 RON13:RON14 RYJ13:RYJ14 SIF13:SIF14 SSB13:SSB14 TBX13:TBX14 TLT13:TLT14 TVP13:TVP14 UFL13:UFL14 UPH13:UPH14 UZD13:UZD14 VIZ13:VIZ14 VSV13:VSV14 WCR13:WCR14 WMN13:WMN14 WWJ13:WWJ14 AB65549:AB65550 JX65549:JX65550 TT65549:TT65550 ADP65549:ADP65550 ANL65549:ANL65550 AXH65549:AXH65550 BHD65549:BHD65550 BQZ65549:BQZ65550 CAV65549:CAV65550 CKR65549:CKR65550 CUN65549:CUN65550 DEJ65549:DEJ65550 DOF65549:DOF65550 DYB65549:DYB65550 EHX65549:EHX65550 ERT65549:ERT65550 FBP65549:FBP65550 FLL65549:FLL65550 FVH65549:FVH65550 GFD65549:GFD65550 GOZ65549:GOZ65550 GYV65549:GYV65550 HIR65549:HIR65550 HSN65549:HSN65550 ICJ65549:ICJ65550 IMF65549:IMF65550 IWB65549:IWB65550 JFX65549:JFX65550 JPT65549:JPT65550 JZP65549:JZP65550 KJL65549:KJL65550 KTH65549:KTH65550 LDD65549:LDD65550 LMZ65549:LMZ65550 LWV65549:LWV65550 MGR65549:MGR65550 MQN65549:MQN65550 NAJ65549:NAJ65550 NKF65549:NKF65550 NUB65549:NUB65550 ODX65549:ODX65550 ONT65549:ONT65550 OXP65549:OXP65550 PHL65549:PHL65550 PRH65549:PRH65550 QBD65549:QBD65550 QKZ65549:QKZ65550 QUV65549:QUV65550 RER65549:RER65550 RON65549:RON65550 RYJ65549:RYJ65550 SIF65549:SIF65550 SSB65549:SSB65550 TBX65549:TBX65550 TLT65549:TLT65550 TVP65549:TVP65550 UFL65549:UFL65550 UPH65549:UPH65550 UZD65549:UZD65550 VIZ65549:VIZ65550 VSV65549:VSV65550 WCR65549:WCR65550 WMN65549:WMN65550 WWJ65549:WWJ65550 AB131085:AB131086 JX131085:JX131086 TT131085:TT131086 ADP131085:ADP131086 ANL131085:ANL131086 AXH131085:AXH131086 BHD131085:BHD131086 BQZ131085:BQZ131086 CAV131085:CAV131086 CKR131085:CKR131086 CUN131085:CUN131086 DEJ131085:DEJ131086 DOF131085:DOF131086 DYB131085:DYB131086 EHX131085:EHX131086 ERT131085:ERT131086 FBP131085:FBP131086 FLL131085:FLL131086 FVH131085:FVH131086 GFD131085:GFD131086 GOZ131085:GOZ131086 GYV131085:GYV131086 HIR131085:HIR131086 HSN131085:HSN131086 ICJ131085:ICJ131086 IMF131085:IMF131086 IWB131085:IWB131086 JFX131085:JFX131086 JPT131085:JPT131086 JZP131085:JZP131086 KJL131085:KJL131086 KTH131085:KTH131086 LDD131085:LDD131086 LMZ131085:LMZ131086 LWV131085:LWV131086 MGR131085:MGR131086 MQN131085:MQN131086 NAJ131085:NAJ131086 NKF131085:NKF131086 NUB131085:NUB131086 ODX131085:ODX131086 ONT131085:ONT131086 OXP131085:OXP131086 PHL131085:PHL131086 PRH131085:PRH131086 QBD131085:QBD131086 QKZ131085:QKZ131086 QUV131085:QUV131086 RER131085:RER131086 RON131085:RON131086 RYJ131085:RYJ131086 SIF131085:SIF131086 SSB131085:SSB131086 TBX131085:TBX131086 TLT131085:TLT131086 TVP131085:TVP131086 UFL131085:UFL131086 UPH131085:UPH131086 UZD131085:UZD131086 VIZ131085:VIZ131086 VSV131085:VSV131086 WCR131085:WCR131086 WMN131085:WMN131086 WWJ131085:WWJ131086 AB196621:AB196622 JX196621:JX196622 TT196621:TT196622 ADP196621:ADP196622 ANL196621:ANL196622 AXH196621:AXH196622 BHD196621:BHD196622 BQZ196621:BQZ196622 CAV196621:CAV196622 CKR196621:CKR196622 CUN196621:CUN196622 DEJ196621:DEJ196622 DOF196621:DOF196622 DYB196621:DYB196622 EHX196621:EHX196622 ERT196621:ERT196622 FBP196621:FBP196622 FLL196621:FLL196622 FVH196621:FVH196622 GFD196621:GFD196622 GOZ196621:GOZ196622 GYV196621:GYV196622 HIR196621:HIR196622 HSN196621:HSN196622 ICJ196621:ICJ196622 IMF196621:IMF196622 IWB196621:IWB196622 JFX196621:JFX196622 JPT196621:JPT196622 JZP196621:JZP196622 KJL196621:KJL196622 KTH196621:KTH196622 LDD196621:LDD196622 LMZ196621:LMZ196622 LWV196621:LWV196622 MGR196621:MGR196622 MQN196621:MQN196622 NAJ196621:NAJ196622 NKF196621:NKF196622 NUB196621:NUB196622 ODX196621:ODX196622 ONT196621:ONT196622 OXP196621:OXP196622 PHL196621:PHL196622 PRH196621:PRH196622 QBD196621:QBD196622 QKZ196621:QKZ196622 QUV196621:QUV196622 RER196621:RER196622 RON196621:RON196622 RYJ196621:RYJ196622 SIF196621:SIF196622 SSB196621:SSB196622 TBX196621:TBX196622 TLT196621:TLT196622 TVP196621:TVP196622 UFL196621:UFL196622 UPH196621:UPH196622 UZD196621:UZD196622 VIZ196621:VIZ196622 VSV196621:VSV196622 WCR196621:WCR196622 WMN196621:WMN196622 WWJ196621:WWJ196622 AB262157:AB262158 JX262157:JX262158 TT262157:TT262158 ADP262157:ADP262158 ANL262157:ANL262158 AXH262157:AXH262158 BHD262157:BHD262158 BQZ262157:BQZ262158 CAV262157:CAV262158 CKR262157:CKR262158 CUN262157:CUN262158 DEJ262157:DEJ262158 DOF262157:DOF262158 DYB262157:DYB262158 EHX262157:EHX262158 ERT262157:ERT262158 FBP262157:FBP262158 FLL262157:FLL262158 FVH262157:FVH262158 GFD262157:GFD262158 GOZ262157:GOZ262158 GYV262157:GYV262158 HIR262157:HIR262158 HSN262157:HSN262158 ICJ262157:ICJ262158 IMF262157:IMF262158 IWB262157:IWB262158 JFX262157:JFX262158 JPT262157:JPT262158 JZP262157:JZP262158 KJL262157:KJL262158 KTH262157:KTH262158 LDD262157:LDD262158 LMZ262157:LMZ262158 LWV262157:LWV262158 MGR262157:MGR262158 MQN262157:MQN262158 NAJ262157:NAJ262158 NKF262157:NKF262158 NUB262157:NUB262158 ODX262157:ODX262158 ONT262157:ONT262158 OXP262157:OXP262158 PHL262157:PHL262158 PRH262157:PRH262158 QBD262157:QBD262158 QKZ262157:QKZ262158 QUV262157:QUV262158 RER262157:RER262158 RON262157:RON262158 RYJ262157:RYJ262158 SIF262157:SIF262158 SSB262157:SSB262158 TBX262157:TBX262158 TLT262157:TLT262158 TVP262157:TVP262158 UFL262157:UFL262158 UPH262157:UPH262158 UZD262157:UZD262158 VIZ262157:VIZ262158 VSV262157:VSV262158 WCR262157:WCR262158 WMN262157:WMN262158 WWJ262157:WWJ262158 AB327693:AB327694 JX327693:JX327694 TT327693:TT327694 ADP327693:ADP327694 ANL327693:ANL327694 AXH327693:AXH327694 BHD327693:BHD327694 BQZ327693:BQZ327694 CAV327693:CAV327694 CKR327693:CKR327694 CUN327693:CUN327694 DEJ327693:DEJ327694 DOF327693:DOF327694 DYB327693:DYB327694 EHX327693:EHX327694 ERT327693:ERT327694 FBP327693:FBP327694 FLL327693:FLL327694 FVH327693:FVH327694 GFD327693:GFD327694 GOZ327693:GOZ327694 GYV327693:GYV327694 HIR327693:HIR327694 HSN327693:HSN327694 ICJ327693:ICJ327694 IMF327693:IMF327694 IWB327693:IWB327694 JFX327693:JFX327694 JPT327693:JPT327694 JZP327693:JZP327694 KJL327693:KJL327694 KTH327693:KTH327694 LDD327693:LDD327694 LMZ327693:LMZ327694 LWV327693:LWV327694 MGR327693:MGR327694 MQN327693:MQN327694 NAJ327693:NAJ327694 NKF327693:NKF327694 NUB327693:NUB327694 ODX327693:ODX327694 ONT327693:ONT327694 OXP327693:OXP327694 PHL327693:PHL327694 PRH327693:PRH327694 QBD327693:QBD327694 QKZ327693:QKZ327694 QUV327693:QUV327694 RER327693:RER327694 RON327693:RON327694 RYJ327693:RYJ327694 SIF327693:SIF327694 SSB327693:SSB327694 TBX327693:TBX327694 TLT327693:TLT327694 TVP327693:TVP327694 UFL327693:UFL327694 UPH327693:UPH327694 UZD327693:UZD327694 VIZ327693:VIZ327694 VSV327693:VSV327694 WCR327693:WCR327694 WMN327693:WMN327694 WWJ327693:WWJ327694 AB393229:AB393230 JX393229:JX393230 TT393229:TT393230 ADP393229:ADP393230 ANL393229:ANL393230 AXH393229:AXH393230 BHD393229:BHD393230 BQZ393229:BQZ393230 CAV393229:CAV393230 CKR393229:CKR393230 CUN393229:CUN393230 DEJ393229:DEJ393230 DOF393229:DOF393230 DYB393229:DYB393230 EHX393229:EHX393230 ERT393229:ERT393230 FBP393229:FBP393230 FLL393229:FLL393230 FVH393229:FVH393230 GFD393229:GFD393230 GOZ393229:GOZ393230 GYV393229:GYV393230 HIR393229:HIR393230 HSN393229:HSN393230 ICJ393229:ICJ393230 IMF393229:IMF393230 IWB393229:IWB393230 JFX393229:JFX393230 JPT393229:JPT393230 JZP393229:JZP393230 KJL393229:KJL393230 KTH393229:KTH393230 LDD393229:LDD393230 LMZ393229:LMZ393230 LWV393229:LWV393230 MGR393229:MGR393230 MQN393229:MQN393230 NAJ393229:NAJ393230 NKF393229:NKF393230 NUB393229:NUB393230 ODX393229:ODX393230 ONT393229:ONT393230 OXP393229:OXP393230 PHL393229:PHL393230 PRH393229:PRH393230 QBD393229:QBD393230 QKZ393229:QKZ393230 QUV393229:QUV393230 RER393229:RER393230 RON393229:RON393230 RYJ393229:RYJ393230 SIF393229:SIF393230 SSB393229:SSB393230 TBX393229:TBX393230 TLT393229:TLT393230 TVP393229:TVP393230 UFL393229:UFL393230 UPH393229:UPH393230 UZD393229:UZD393230 VIZ393229:VIZ393230 VSV393229:VSV393230 WCR393229:WCR393230 WMN393229:WMN393230 WWJ393229:WWJ393230 AB458765:AB458766 JX458765:JX458766 TT458765:TT458766 ADP458765:ADP458766 ANL458765:ANL458766 AXH458765:AXH458766 BHD458765:BHD458766 BQZ458765:BQZ458766 CAV458765:CAV458766 CKR458765:CKR458766 CUN458765:CUN458766 DEJ458765:DEJ458766 DOF458765:DOF458766 DYB458765:DYB458766 EHX458765:EHX458766 ERT458765:ERT458766 FBP458765:FBP458766 FLL458765:FLL458766 FVH458765:FVH458766 GFD458765:GFD458766 GOZ458765:GOZ458766 GYV458765:GYV458766 HIR458765:HIR458766 HSN458765:HSN458766 ICJ458765:ICJ458766 IMF458765:IMF458766 IWB458765:IWB458766 JFX458765:JFX458766 JPT458765:JPT458766 JZP458765:JZP458766 KJL458765:KJL458766 KTH458765:KTH458766 LDD458765:LDD458766 LMZ458765:LMZ458766 LWV458765:LWV458766 MGR458765:MGR458766 MQN458765:MQN458766 NAJ458765:NAJ458766 NKF458765:NKF458766 NUB458765:NUB458766 ODX458765:ODX458766 ONT458765:ONT458766 OXP458765:OXP458766 PHL458765:PHL458766 PRH458765:PRH458766 QBD458765:QBD458766 QKZ458765:QKZ458766 QUV458765:QUV458766 RER458765:RER458766 RON458765:RON458766 RYJ458765:RYJ458766 SIF458765:SIF458766 SSB458765:SSB458766 TBX458765:TBX458766 TLT458765:TLT458766 TVP458765:TVP458766 UFL458765:UFL458766 UPH458765:UPH458766 UZD458765:UZD458766 VIZ458765:VIZ458766 VSV458765:VSV458766 WCR458765:WCR458766 WMN458765:WMN458766 WWJ458765:WWJ458766 AB524301:AB524302 JX524301:JX524302 TT524301:TT524302 ADP524301:ADP524302 ANL524301:ANL524302 AXH524301:AXH524302 BHD524301:BHD524302 BQZ524301:BQZ524302 CAV524301:CAV524302 CKR524301:CKR524302 CUN524301:CUN524302 DEJ524301:DEJ524302 DOF524301:DOF524302 DYB524301:DYB524302 EHX524301:EHX524302 ERT524301:ERT524302 FBP524301:FBP524302 FLL524301:FLL524302 FVH524301:FVH524302 GFD524301:GFD524302 GOZ524301:GOZ524302 GYV524301:GYV524302 HIR524301:HIR524302 HSN524301:HSN524302 ICJ524301:ICJ524302 IMF524301:IMF524302 IWB524301:IWB524302 JFX524301:JFX524302 JPT524301:JPT524302 JZP524301:JZP524302 KJL524301:KJL524302 KTH524301:KTH524302 LDD524301:LDD524302 LMZ524301:LMZ524302 LWV524301:LWV524302 MGR524301:MGR524302 MQN524301:MQN524302 NAJ524301:NAJ524302 NKF524301:NKF524302 NUB524301:NUB524302 ODX524301:ODX524302 ONT524301:ONT524302 OXP524301:OXP524302 PHL524301:PHL524302 PRH524301:PRH524302 QBD524301:QBD524302 QKZ524301:QKZ524302 QUV524301:QUV524302 RER524301:RER524302 RON524301:RON524302 RYJ524301:RYJ524302 SIF524301:SIF524302 SSB524301:SSB524302 TBX524301:TBX524302 TLT524301:TLT524302 TVP524301:TVP524302 UFL524301:UFL524302 UPH524301:UPH524302 UZD524301:UZD524302 VIZ524301:VIZ524302 VSV524301:VSV524302 WCR524301:WCR524302 WMN524301:WMN524302 WWJ524301:WWJ524302 AB589837:AB589838 JX589837:JX589838 TT589837:TT589838 ADP589837:ADP589838 ANL589837:ANL589838 AXH589837:AXH589838 BHD589837:BHD589838 BQZ589837:BQZ589838 CAV589837:CAV589838 CKR589837:CKR589838 CUN589837:CUN589838 DEJ589837:DEJ589838 DOF589837:DOF589838 DYB589837:DYB589838 EHX589837:EHX589838 ERT589837:ERT589838 FBP589837:FBP589838 FLL589837:FLL589838 FVH589837:FVH589838 GFD589837:GFD589838 GOZ589837:GOZ589838 GYV589837:GYV589838 HIR589837:HIR589838 HSN589837:HSN589838 ICJ589837:ICJ589838 IMF589837:IMF589838 IWB589837:IWB589838 JFX589837:JFX589838 JPT589837:JPT589838 JZP589837:JZP589838 KJL589837:KJL589838 KTH589837:KTH589838 LDD589837:LDD589838 LMZ589837:LMZ589838 LWV589837:LWV589838 MGR589837:MGR589838 MQN589837:MQN589838 NAJ589837:NAJ589838 NKF589837:NKF589838 NUB589837:NUB589838 ODX589837:ODX589838 ONT589837:ONT589838 OXP589837:OXP589838 PHL589837:PHL589838 PRH589837:PRH589838 QBD589837:QBD589838 QKZ589837:QKZ589838 QUV589837:QUV589838 RER589837:RER589838 RON589837:RON589838 RYJ589837:RYJ589838 SIF589837:SIF589838 SSB589837:SSB589838 TBX589837:TBX589838 TLT589837:TLT589838 TVP589837:TVP589838 UFL589837:UFL589838 UPH589837:UPH589838 UZD589837:UZD589838 VIZ589837:VIZ589838 VSV589837:VSV589838 WCR589837:WCR589838 WMN589837:WMN589838 WWJ589837:WWJ589838 AB655373:AB655374 JX655373:JX655374 TT655373:TT655374 ADP655373:ADP655374 ANL655373:ANL655374 AXH655373:AXH655374 BHD655373:BHD655374 BQZ655373:BQZ655374 CAV655373:CAV655374 CKR655373:CKR655374 CUN655373:CUN655374 DEJ655373:DEJ655374 DOF655373:DOF655374 DYB655373:DYB655374 EHX655373:EHX655374 ERT655373:ERT655374 FBP655373:FBP655374 FLL655373:FLL655374 FVH655373:FVH655374 GFD655373:GFD655374 GOZ655373:GOZ655374 GYV655373:GYV655374 HIR655373:HIR655374 HSN655373:HSN655374 ICJ655373:ICJ655374 IMF655373:IMF655374 IWB655373:IWB655374 JFX655373:JFX655374 JPT655373:JPT655374 JZP655373:JZP655374 KJL655373:KJL655374 KTH655373:KTH655374 LDD655373:LDD655374 LMZ655373:LMZ655374 LWV655373:LWV655374 MGR655373:MGR655374 MQN655373:MQN655374 NAJ655373:NAJ655374 NKF655373:NKF655374 NUB655373:NUB655374 ODX655373:ODX655374 ONT655373:ONT655374 OXP655373:OXP655374 PHL655373:PHL655374 PRH655373:PRH655374 QBD655373:QBD655374 QKZ655373:QKZ655374 QUV655373:QUV655374 RER655373:RER655374 RON655373:RON655374 RYJ655373:RYJ655374 SIF655373:SIF655374 SSB655373:SSB655374 TBX655373:TBX655374 TLT655373:TLT655374 TVP655373:TVP655374 UFL655373:UFL655374 UPH655373:UPH655374 UZD655373:UZD655374 VIZ655373:VIZ655374 VSV655373:VSV655374 WCR655373:WCR655374 WMN655373:WMN655374 WWJ655373:WWJ655374 AB720909:AB720910 JX720909:JX720910 TT720909:TT720910 ADP720909:ADP720910 ANL720909:ANL720910 AXH720909:AXH720910 BHD720909:BHD720910 BQZ720909:BQZ720910 CAV720909:CAV720910 CKR720909:CKR720910 CUN720909:CUN720910 DEJ720909:DEJ720910 DOF720909:DOF720910 DYB720909:DYB720910 EHX720909:EHX720910 ERT720909:ERT720910 FBP720909:FBP720910 FLL720909:FLL720910 FVH720909:FVH720910 GFD720909:GFD720910 GOZ720909:GOZ720910 GYV720909:GYV720910 HIR720909:HIR720910 HSN720909:HSN720910 ICJ720909:ICJ720910 IMF720909:IMF720910 IWB720909:IWB720910 JFX720909:JFX720910 JPT720909:JPT720910 JZP720909:JZP720910 KJL720909:KJL720910 KTH720909:KTH720910 LDD720909:LDD720910 LMZ720909:LMZ720910 LWV720909:LWV720910 MGR720909:MGR720910 MQN720909:MQN720910 NAJ720909:NAJ720910 NKF720909:NKF720910 NUB720909:NUB720910 ODX720909:ODX720910 ONT720909:ONT720910 OXP720909:OXP720910 PHL720909:PHL720910 PRH720909:PRH720910 QBD720909:QBD720910 QKZ720909:QKZ720910 QUV720909:QUV720910 RER720909:RER720910 RON720909:RON720910 RYJ720909:RYJ720910 SIF720909:SIF720910 SSB720909:SSB720910 TBX720909:TBX720910 TLT720909:TLT720910 TVP720909:TVP720910 UFL720909:UFL720910 UPH720909:UPH720910 UZD720909:UZD720910 VIZ720909:VIZ720910 VSV720909:VSV720910 WCR720909:WCR720910 WMN720909:WMN720910 WWJ720909:WWJ720910 AB786445:AB786446 JX786445:JX786446 TT786445:TT786446 ADP786445:ADP786446 ANL786445:ANL786446 AXH786445:AXH786446 BHD786445:BHD786446 BQZ786445:BQZ786446 CAV786445:CAV786446 CKR786445:CKR786446 CUN786445:CUN786446 DEJ786445:DEJ786446 DOF786445:DOF786446 DYB786445:DYB786446 EHX786445:EHX786446 ERT786445:ERT786446 FBP786445:FBP786446 FLL786445:FLL786446 FVH786445:FVH786446 GFD786445:GFD786446 GOZ786445:GOZ786446 GYV786445:GYV786446 HIR786445:HIR786446 HSN786445:HSN786446 ICJ786445:ICJ786446 IMF786445:IMF786446 IWB786445:IWB786446 JFX786445:JFX786446 JPT786445:JPT786446 JZP786445:JZP786446 KJL786445:KJL786446 KTH786445:KTH786446 LDD786445:LDD786446 LMZ786445:LMZ786446 LWV786445:LWV786446 MGR786445:MGR786446 MQN786445:MQN786446 NAJ786445:NAJ786446 NKF786445:NKF786446 NUB786445:NUB786446 ODX786445:ODX786446 ONT786445:ONT786446 OXP786445:OXP786446 PHL786445:PHL786446 PRH786445:PRH786446 QBD786445:QBD786446 QKZ786445:QKZ786446 QUV786445:QUV786446 RER786445:RER786446 RON786445:RON786446 RYJ786445:RYJ786446 SIF786445:SIF786446 SSB786445:SSB786446 TBX786445:TBX786446 TLT786445:TLT786446 TVP786445:TVP786446 UFL786445:UFL786446 UPH786445:UPH786446 UZD786445:UZD786446 VIZ786445:VIZ786446 VSV786445:VSV786446 WCR786445:WCR786446 WMN786445:WMN786446 WWJ786445:WWJ786446 AB851981:AB851982 JX851981:JX851982 TT851981:TT851982 ADP851981:ADP851982 ANL851981:ANL851982 AXH851981:AXH851982 BHD851981:BHD851982 BQZ851981:BQZ851982 CAV851981:CAV851982 CKR851981:CKR851982 CUN851981:CUN851982 DEJ851981:DEJ851982 DOF851981:DOF851982 DYB851981:DYB851982 EHX851981:EHX851982 ERT851981:ERT851982 FBP851981:FBP851982 FLL851981:FLL851982 FVH851981:FVH851982 GFD851981:GFD851982 GOZ851981:GOZ851982 GYV851981:GYV851982 HIR851981:HIR851982 HSN851981:HSN851982 ICJ851981:ICJ851982 IMF851981:IMF851982 IWB851981:IWB851982 JFX851981:JFX851982 JPT851981:JPT851982 JZP851981:JZP851982 KJL851981:KJL851982 KTH851981:KTH851982 LDD851981:LDD851982 LMZ851981:LMZ851982 LWV851981:LWV851982 MGR851981:MGR851982 MQN851981:MQN851982 NAJ851981:NAJ851982 NKF851981:NKF851982 NUB851981:NUB851982 ODX851981:ODX851982 ONT851981:ONT851982 OXP851981:OXP851982 PHL851981:PHL851982 PRH851981:PRH851982 QBD851981:QBD851982 QKZ851981:QKZ851982 QUV851981:QUV851982 RER851981:RER851982 RON851981:RON851982 RYJ851981:RYJ851982 SIF851981:SIF851982 SSB851981:SSB851982 TBX851981:TBX851982 TLT851981:TLT851982 TVP851981:TVP851982 UFL851981:UFL851982 UPH851981:UPH851982 UZD851981:UZD851982 VIZ851981:VIZ851982 VSV851981:VSV851982 WCR851981:WCR851982 WMN851981:WMN851982 WWJ851981:WWJ851982 AB917517:AB917518 JX917517:JX917518 TT917517:TT917518 ADP917517:ADP917518 ANL917517:ANL917518 AXH917517:AXH917518 BHD917517:BHD917518 BQZ917517:BQZ917518 CAV917517:CAV917518 CKR917517:CKR917518 CUN917517:CUN917518 DEJ917517:DEJ917518 DOF917517:DOF917518 DYB917517:DYB917518 EHX917517:EHX917518 ERT917517:ERT917518 FBP917517:FBP917518 FLL917517:FLL917518 FVH917517:FVH917518 GFD917517:GFD917518 GOZ917517:GOZ917518 GYV917517:GYV917518 HIR917517:HIR917518 HSN917517:HSN917518 ICJ917517:ICJ917518 IMF917517:IMF917518 IWB917517:IWB917518 JFX917517:JFX917518 JPT917517:JPT917518 JZP917517:JZP917518 KJL917517:KJL917518 KTH917517:KTH917518 LDD917517:LDD917518 LMZ917517:LMZ917518 LWV917517:LWV917518 MGR917517:MGR917518 MQN917517:MQN917518 NAJ917517:NAJ917518 NKF917517:NKF917518 NUB917517:NUB917518 ODX917517:ODX917518 ONT917517:ONT917518 OXP917517:OXP917518 PHL917517:PHL917518 PRH917517:PRH917518 QBD917517:QBD917518 QKZ917517:QKZ917518 QUV917517:QUV917518 RER917517:RER917518 RON917517:RON917518 RYJ917517:RYJ917518 SIF917517:SIF917518 SSB917517:SSB917518 TBX917517:TBX917518 TLT917517:TLT917518 TVP917517:TVP917518 UFL917517:UFL917518 UPH917517:UPH917518 UZD917517:UZD917518 VIZ917517:VIZ917518 VSV917517:VSV917518 WCR917517:WCR917518 WMN917517:WMN917518 WWJ917517:WWJ917518 AB983053:AB983054 JX983053:JX983054 TT983053:TT983054 ADP983053:ADP983054 ANL983053:ANL983054 AXH983053:AXH983054 BHD983053:BHD983054 BQZ983053:BQZ983054 CAV983053:CAV983054 CKR983053:CKR983054 CUN983053:CUN983054 DEJ983053:DEJ983054 DOF983053:DOF983054 DYB983053:DYB983054 EHX983053:EHX983054 ERT983053:ERT983054 FBP983053:FBP983054 FLL983053:FLL983054 FVH983053:FVH983054 GFD983053:GFD983054 GOZ983053:GOZ983054 GYV983053:GYV983054 HIR983053:HIR983054 HSN983053:HSN983054 ICJ983053:ICJ983054 IMF983053:IMF983054 IWB983053:IWB983054 JFX983053:JFX983054 JPT983053:JPT983054 JZP983053:JZP983054 KJL983053:KJL983054 KTH983053:KTH983054 LDD983053:LDD983054 LMZ983053:LMZ983054 LWV983053:LWV983054 MGR983053:MGR983054 MQN983053:MQN983054 NAJ983053:NAJ983054 NKF983053:NKF983054 NUB983053:NUB983054 ODX983053:ODX983054 ONT983053:ONT983054 OXP983053:OXP983054 PHL983053:PHL983054 PRH983053:PRH983054 QBD983053:QBD983054 QKZ983053:QKZ983054 QUV983053:QUV983054 RER983053:RER983054 RON983053:RON983054 RYJ983053:RYJ983054 SIF983053:SIF983054 SSB983053:SSB983054 TBX983053:TBX983054 TLT983053:TLT983054 TVP983053:TVP983054 UFL983053:UFL983054 UPH983053:UPH983054 UZD983053:UZD983054 VIZ983053:VIZ983054 VSV983053:VSV983054 WCR983053:WCR983054 WMN983053:WMN983054 WWJ983053:WWJ983054" xr:uid="{00000000-0002-0000-0100-000012000000}"/>
    <dataValidation imeMode="on" allowBlank="1" showInputMessage="1" showErrorMessage="1" promptTitle="利用シーン（利用方法・おすすめレシピ等）" prompt="商品の利用方法（一番美味しく食べられる）調理法、場面、組み合わせ（食べ合わせ）等を記入してください。商品の産地でよく食べられている、または、ちょっと変わった調理法や風習などがあれば記入すると良いでしょう。_x000a_《例》●●することで●●になります。　_x000a_特徴は●●なので、●●料理に最適です。_x000a_⇒内容量は３００gですが、カロリーゼロなのでお夜食に最適です。_x000a__x000a_" sqref="I38 JE38 TA38 ACW38 AMS38 AWO38 BGK38 BQG38 CAC38 CJY38 CTU38 DDQ38 DNM38 DXI38 EHE38 ERA38 FAW38 FKS38 FUO38 GEK38 GOG38 GYC38 HHY38 HRU38 IBQ38 ILM38 IVI38 JFE38 JPA38 JYW38 KIS38 KSO38 LCK38 LMG38 LWC38 MFY38 MPU38 MZQ38 NJM38 NTI38 ODE38 ONA38 OWW38 PGS38 PQO38 QAK38 QKG38 QUC38 RDY38 RNU38 RXQ38 SHM38 SRI38 TBE38 TLA38 TUW38 UES38 UOO38 UYK38 VIG38 VSC38 WBY38 WLU38 WVQ38 I65574 JE65574 TA65574 ACW65574 AMS65574 AWO65574 BGK65574 BQG65574 CAC65574 CJY65574 CTU65574 DDQ65574 DNM65574 DXI65574 EHE65574 ERA65574 FAW65574 FKS65574 FUO65574 GEK65574 GOG65574 GYC65574 HHY65574 HRU65574 IBQ65574 ILM65574 IVI65574 JFE65574 JPA65574 JYW65574 KIS65574 KSO65574 LCK65574 LMG65574 LWC65574 MFY65574 MPU65574 MZQ65574 NJM65574 NTI65574 ODE65574 ONA65574 OWW65574 PGS65574 PQO65574 QAK65574 QKG65574 QUC65574 RDY65574 RNU65574 RXQ65574 SHM65574 SRI65574 TBE65574 TLA65574 TUW65574 UES65574 UOO65574 UYK65574 VIG65574 VSC65574 WBY65574 WLU65574 WVQ65574 I131110 JE131110 TA131110 ACW131110 AMS131110 AWO131110 BGK131110 BQG131110 CAC131110 CJY131110 CTU131110 DDQ131110 DNM131110 DXI131110 EHE131110 ERA131110 FAW131110 FKS131110 FUO131110 GEK131110 GOG131110 GYC131110 HHY131110 HRU131110 IBQ131110 ILM131110 IVI131110 JFE131110 JPA131110 JYW131110 KIS131110 KSO131110 LCK131110 LMG131110 LWC131110 MFY131110 MPU131110 MZQ131110 NJM131110 NTI131110 ODE131110 ONA131110 OWW131110 PGS131110 PQO131110 QAK131110 QKG131110 QUC131110 RDY131110 RNU131110 RXQ131110 SHM131110 SRI131110 TBE131110 TLA131110 TUW131110 UES131110 UOO131110 UYK131110 VIG131110 VSC131110 WBY131110 WLU131110 WVQ131110 I196646 JE196646 TA196646 ACW196646 AMS196646 AWO196646 BGK196646 BQG196646 CAC196646 CJY196646 CTU196646 DDQ196646 DNM196646 DXI196646 EHE196646 ERA196646 FAW196646 FKS196646 FUO196646 GEK196646 GOG196646 GYC196646 HHY196646 HRU196646 IBQ196646 ILM196646 IVI196646 JFE196646 JPA196646 JYW196646 KIS196646 KSO196646 LCK196646 LMG196646 LWC196646 MFY196646 MPU196646 MZQ196646 NJM196646 NTI196646 ODE196646 ONA196646 OWW196646 PGS196646 PQO196646 QAK196646 QKG196646 QUC196646 RDY196646 RNU196646 RXQ196646 SHM196646 SRI196646 TBE196646 TLA196646 TUW196646 UES196646 UOO196646 UYK196646 VIG196646 VSC196646 WBY196646 WLU196646 WVQ196646 I262182 JE262182 TA262182 ACW262182 AMS262182 AWO262182 BGK262182 BQG262182 CAC262182 CJY262182 CTU262182 DDQ262182 DNM262182 DXI262182 EHE262182 ERA262182 FAW262182 FKS262182 FUO262182 GEK262182 GOG262182 GYC262182 HHY262182 HRU262182 IBQ262182 ILM262182 IVI262182 JFE262182 JPA262182 JYW262182 KIS262182 KSO262182 LCK262182 LMG262182 LWC262182 MFY262182 MPU262182 MZQ262182 NJM262182 NTI262182 ODE262182 ONA262182 OWW262182 PGS262182 PQO262182 QAK262182 QKG262182 QUC262182 RDY262182 RNU262182 RXQ262182 SHM262182 SRI262182 TBE262182 TLA262182 TUW262182 UES262182 UOO262182 UYK262182 VIG262182 VSC262182 WBY262182 WLU262182 WVQ262182 I327718 JE327718 TA327718 ACW327718 AMS327718 AWO327718 BGK327718 BQG327718 CAC327718 CJY327718 CTU327718 DDQ327718 DNM327718 DXI327718 EHE327718 ERA327718 FAW327718 FKS327718 FUO327718 GEK327718 GOG327718 GYC327718 HHY327718 HRU327718 IBQ327718 ILM327718 IVI327718 JFE327718 JPA327718 JYW327718 KIS327718 KSO327718 LCK327718 LMG327718 LWC327718 MFY327718 MPU327718 MZQ327718 NJM327718 NTI327718 ODE327718 ONA327718 OWW327718 PGS327718 PQO327718 QAK327718 QKG327718 QUC327718 RDY327718 RNU327718 RXQ327718 SHM327718 SRI327718 TBE327718 TLA327718 TUW327718 UES327718 UOO327718 UYK327718 VIG327718 VSC327718 WBY327718 WLU327718 WVQ327718 I393254 JE393254 TA393254 ACW393254 AMS393254 AWO393254 BGK393254 BQG393254 CAC393254 CJY393254 CTU393254 DDQ393254 DNM393254 DXI393254 EHE393254 ERA393254 FAW393254 FKS393254 FUO393254 GEK393254 GOG393254 GYC393254 HHY393254 HRU393254 IBQ393254 ILM393254 IVI393254 JFE393254 JPA393254 JYW393254 KIS393254 KSO393254 LCK393254 LMG393254 LWC393254 MFY393254 MPU393254 MZQ393254 NJM393254 NTI393254 ODE393254 ONA393254 OWW393254 PGS393254 PQO393254 QAK393254 QKG393254 QUC393254 RDY393254 RNU393254 RXQ393254 SHM393254 SRI393254 TBE393254 TLA393254 TUW393254 UES393254 UOO393254 UYK393254 VIG393254 VSC393254 WBY393254 WLU393254 WVQ393254 I458790 JE458790 TA458790 ACW458790 AMS458790 AWO458790 BGK458790 BQG458790 CAC458790 CJY458790 CTU458790 DDQ458790 DNM458790 DXI458790 EHE458790 ERA458790 FAW458790 FKS458790 FUO458790 GEK458790 GOG458790 GYC458790 HHY458790 HRU458790 IBQ458790 ILM458790 IVI458790 JFE458790 JPA458790 JYW458790 KIS458790 KSO458790 LCK458790 LMG458790 LWC458790 MFY458790 MPU458790 MZQ458790 NJM458790 NTI458790 ODE458790 ONA458790 OWW458790 PGS458790 PQO458790 QAK458790 QKG458790 QUC458790 RDY458790 RNU458790 RXQ458790 SHM458790 SRI458790 TBE458790 TLA458790 TUW458790 UES458790 UOO458790 UYK458790 VIG458790 VSC458790 WBY458790 WLU458790 WVQ458790 I524326 JE524326 TA524326 ACW524326 AMS524326 AWO524326 BGK524326 BQG524326 CAC524326 CJY524326 CTU524326 DDQ524326 DNM524326 DXI524326 EHE524326 ERA524326 FAW524326 FKS524326 FUO524326 GEK524326 GOG524326 GYC524326 HHY524326 HRU524326 IBQ524326 ILM524326 IVI524326 JFE524326 JPA524326 JYW524326 KIS524326 KSO524326 LCK524326 LMG524326 LWC524326 MFY524326 MPU524326 MZQ524326 NJM524326 NTI524326 ODE524326 ONA524326 OWW524326 PGS524326 PQO524326 QAK524326 QKG524326 QUC524326 RDY524326 RNU524326 RXQ524326 SHM524326 SRI524326 TBE524326 TLA524326 TUW524326 UES524326 UOO524326 UYK524326 VIG524326 VSC524326 WBY524326 WLU524326 WVQ524326 I589862 JE589862 TA589862 ACW589862 AMS589862 AWO589862 BGK589862 BQG589862 CAC589862 CJY589862 CTU589862 DDQ589862 DNM589862 DXI589862 EHE589862 ERA589862 FAW589862 FKS589862 FUO589862 GEK589862 GOG589862 GYC589862 HHY589862 HRU589862 IBQ589862 ILM589862 IVI589862 JFE589862 JPA589862 JYW589862 KIS589862 KSO589862 LCK589862 LMG589862 LWC589862 MFY589862 MPU589862 MZQ589862 NJM589862 NTI589862 ODE589862 ONA589862 OWW589862 PGS589862 PQO589862 QAK589862 QKG589862 QUC589862 RDY589862 RNU589862 RXQ589862 SHM589862 SRI589862 TBE589862 TLA589862 TUW589862 UES589862 UOO589862 UYK589862 VIG589862 VSC589862 WBY589862 WLU589862 WVQ589862 I655398 JE655398 TA655398 ACW655398 AMS655398 AWO655398 BGK655398 BQG655398 CAC655398 CJY655398 CTU655398 DDQ655398 DNM655398 DXI655398 EHE655398 ERA655398 FAW655398 FKS655398 FUO655398 GEK655398 GOG655398 GYC655398 HHY655398 HRU655398 IBQ655398 ILM655398 IVI655398 JFE655398 JPA655398 JYW655398 KIS655398 KSO655398 LCK655398 LMG655398 LWC655398 MFY655398 MPU655398 MZQ655398 NJM655398 NTI655398 ODE655398 ONA655398 OWW655398 PGS655398 PQO655398 QAK655398 QKG655398 QUC655398 RDY655398 RNU655398 RXQ655398 SHM655398 SRI655398 TBE655398 TLA655398 TUW655398 UES655398 UOO655398 UYK655398 VIG655398 VSC655398 WBY655398 WLU655398 WVQ655398 I720934 JE720934 TA720934 ACW720934 AMS720934 AWO720934 BGK720934 BQG720934 CAC720934 CJY720934 CTU720934 DDQ720934 DNM720934 DXI720934 EHE720934 ERA720934 FAW720934 FKS720934 FUO720934 GEK720934 GOG720934 GYC720934 HHY720934 HRU720934 IBQ720934 ILM720934 IVI720934 JFE720934 JPA720934 JYW720934 KIS720934 KSO720934 LCK720934 LMG720934 LWC720934 MFY720934 MPU720934 MZQ720934 NJM720934 NTI720934 ODE720934 ONA720934 OWW720934 PGS720934 PQO720934 QAK720934 QKG720934 QUC720934 RDY720934 RNU720934 RXQ720934 SHM720934 SRI720934 TBE720934 TLA720934 TUW720934 UES720934 UOO720934 UYK720934 VIG720934 VSC720934 WBY720934 WLU720934 WVQ720934 I786470 JE786470 TA786470 ACW786470 AMS786470 AWO786470 BGK786470 BQG786470 CAC786470 CJY786470 CTU786470 DDQ786470 DNM786470 DXI786470 EHE786470 ERA786470 FAW786470 FKS786470 FUO786470 GEK786470 GOG786470 GYC786470 HHY786470 HRU786470 IBQ786470 ILM786470 IVI786470 JFE786470 JPA786470 JYW786470 KIS786470 KSO786470 LCK786470 LMG786470 LWC786470 MFY786470 MPU786470 MZQ786470 NJM786470 NTI786470 ODE786470 ONA786470 OWW786470 PGS786470 PQO786470 QAK786470 QKG786470 QUC786470 RDY786470 RNU786470 RXQ786470 SHM786470 SRI786470 TBE786470 TLA786470 TUW786470 UES786470 UOO786470 UYK786470 VIG786470 VSC786470 WBY786470 WLU786470 WVQ786470 I852006 JE852006 TA852006 ACW852006 AMS852006 AWO852006 BGK852006 BQG852006 CAC852006 CJY852006 CTU852006 DDQ852006 DNM852006 DXI852006 EHE852006 ERA852006 FAW852006 FKS852006 FUO852006 GEK852006 GOG852006 GYC852006 HHY852006 HRU852006 IBQ852006 ILM852006 IVI852006 JFE852006 JPA852006 JYW852006 KIS852006 KSO852006 LCK852006 LMG852006 LWC852006 MFY852006 MPU852006 MZQ852006 NJM852006 NTI852006 ODE852006 ONA852006 OWW852006 PGS852006 PQO852006 QAK852006 QKG852006 QUC852006 RDY852006 RNU852006 RXQ852006 SHM852006 SRI852006 TBE852006 TLA852006 TUW852006 UES852006 UOO852006 UYK852006 VIG852006 VSC852006 WBY852006 WLU852006 WVQ852006 I917542 JE917542 TA917542 ACW917542 AMS917542 AWO917542 BGK917542 BQG917542 CAC917542 CJY917542 CTU917542 DDQ917542 DNM917542 DXI917542 EHE917542 ERA917542 FAW917542 FKS917542 FUO917542 GEK917542 GOG917542 GYC917542 HHY917542 HRU917542 IBQ917542 ILM917542 IVI917542 JFE917542 JPA917542 JYW917542 KIS917542 KSO917542 LCK917542 LMG917542 LWC917542 MFY917542 MPU917542 MZQ917542 NJM917542 NTI917542 ODE917542 ONA917542 OWW917542 PGS917542 PQO917542 QAK917542 QKG917542 QUC917542 RDY917542 RNU917542 RXQ917542 SHM917542 SRI917542 TBE917542 TLA917542 TUW917542 UES917542 UOO917542 UYK917542 VIG917542 VSC917542 WBY917542 WLU917542 WVQ917542 I983078 JE983078 TA983078 ACW983078 AMS983078 AWO983078 BGK983078 BQG983078 CAC983078 CJY983078 CTU983078 DDQ983078 DNM983078 DXI983078 EHE983078 ERA983078 FAW983078 FKS983078 FUO983078 GEK983078 GOG983078 GYC983078 HHY983078 HRU983078 IBQ983078 ILM983078 IVI983078 JFE983078 JPA983078 JYW983078 KIS983078 KSO983078 LCK983078 LMG983078 LWC983078 MFY983078 MPU983078 MZQ983078 NJM983078 NTI983078 ODE983078 ONA983078 OWW983078 PGS983078 PQO983078 QAK983078 QKG983078 QUC983078 RDY983078 RNU983078 RXQ983078 SHM983078 SRI983078 TBE983078 TLA983078 TUW983078 UES983078 UOO983078 UYK983078 VIG983078 VSC983078 WBY983078 WLU983078 WVQ983078" xr:uid="{00000000-0002-0000-0100-000013000000}"/>
    <dataValidation imeMode="on" allowBlank="1" showInputMessage="1" showErrorMessage="1" promptTitle="商品特徴" prompt="差別化のポイントを記載。原材料や使用した副材料の特徴、製造過程でのこだわり、商品開発にあたり最も工夫した点、開発にまつわるエピソード等を明示すると良いでしょう。_x000a_また文章に関しては「○○なので、○○です」の表現が効果的です。_x000a_《例》①伝統（理由も説明）②珍しい、地元のみ（理由も説明）③品質・特徴・製法  【例文：●●（品質・特徴）なので●●（他の同系品種）よりも●●です。】" sqref="I42 JE42 TA42 ACW42 AMS42 AWO42 BGK42 BQG42 CAC42 CJY42 CTU42 DDQ42 DNM42 DXI42 EHE42 ERA42 FAW42 FKS42 FUO42 GEK42 GOG42 GYC42 HHY42 HRU42 IBQ42 ILM42 IVI42 JFE42 JPA42 JYW42 KIS42 KSO42 LCK42 LMG42 LWC42 MFY42 MPU42 MZQ42 NJM42 NTI42 ODE42 ONA42 OWW42 PGS42 PQO42 QAK42 QKG42 QUC42 RDY42 RNU42 RXQ42 SHM42 SRI42 TBE42 TLA42 TUW42 UES42 UOO42 UYK42 VIG42 VSC42 WBY42 WLU42 WVQ42 I65578 JE65578 TA65578 ACW65578 AMS65578 AWO65578 BGK65578 BQG65578 CAC65578 CJY65578 CTU65578 DDQ65578 DNM65578 DXI65578 EHE65578 ERA65578 FAW65578 FKS65578 FUO65578 GEK65578 GOG65578 GYC65578 HHY65578 HRU65578 IBQ65578 ILM65578 IVI65578 JFE65578 JPA65578 JYW65578 KIS65578 KSO65578 LCK65578 LMG65578 LWC65578 MFY65578 MPU65578 MZQ65578 NJM65578 NTI65578 ODE65578 ONA65578 OWW65578 PGS65578 PQO65578 QAK65578 QKG65578 QUC65578 RDY65578 RNU65578 RXQ65578 SHM65578 SRI65578 TBE65578 TLA65578 TUW65578 UES65578 UOO65578 UYK65578 VIG65578 VSC65578 WBY65578 WLU65578 WVQ65578 I131114 JE131114 TA131114 ACW131114 AMS131114 AWO131114 BGK131114 BQG131114 CAC131114 CJY131114 CTU131114 DDQ131114 DNM131114 DXI131114 EHE131114 ERA131114 FAW131114 FKS131114 FUO131114 GEK131114 GOG131114 GYC131114 HHY131114 HRU131114 IBQ131114 ILM131114 IVI131114 JFE131114 JPA131114 JYW131114 KIS131114 KSO131114 LCK131114 LMG131114 LWC131114 MFY131114 MPU131114 MZQ131114 NJM131114 NTI131114 ODE131114 ONA131114 OWW131114 PGS131114 PQO131114 QAK131114 QKG131114 QUC131114 RDY131114 RNU131114 RXQ131114 SHM131114 SRI131114 TBE131114 TLA131114 TUW131114 UES131114 UOO131114 UYK131114 VIG131114 VSC131114 WBY131114 WLU131114 WVQ131114 I196650 JE196650 TA196650 ACW196650 AMS196650 AWO196650 BGK196650 BQG196650 CAC196650 CJY196650 CTU196650 DDQ196650 DNM196650 DXI196650 EHE196650 ERA196650 FAW196650 FKS196650 FUO196650 GEK196650 GOG196650 GYC196650 HHY196650 HRU196650 IBQ196650 ILM196650 IVI196650 JFE196650 JPA196650 JYW196650 KIS196650 KSO196650 LCK196650 LMG196650 LWC196650 MFY196650 MPU196650 MZQ196650 NJM196650 NTI196650 ODE196650 ONA196650 OWW196650 PGS196650 PQO196650 QAK196650 QKG196650 QUC196650 RDY196650 RNU196650 RXQ196650 SHM196650 SRI196650 TBE196650 TLA196650 TUW196650 UES196650 UOO196650 UYK196650 VIG196650 VSC196650 WBY196650 WLU196650 WVQ196650 I262186 JE262186 TA262186 ACW262186 AMS262186 AWO262186 BGK262186 BQG262186 CAC262186 CJY262186 CTU262186 DDQ262186 DNM262186 DXI262186 EHE262186 ERA262186 FAW262186 FKS262186 FUO262186 GEK262186 GOG262186 GYC262186 HHY262186 HRU262186 IBQ262186 ILM262186 IVI262186 JFE262186 JPA262186 JYW262186 KIS262186 KSO262186 LCK262186 LMG262186 LWC262186 MFY262186 MPU262186 MZQ262186 NJM262186 NTI262186 ODE262186 ONA262186 OWW262186 PGS262186 PQO262186 QAK262186 QKG262186 QUC262186 RDY262186 RNU262186 RXQ262186 SHM262186 SRI262186 TBE262186 TLA262186 TUW262186 UES262186 UOO262186 UYK262186 VIG262186 VSC262186 WBY262186 WLU262186 WVQ262186 I327722 JE327722 TA327722 ACW327722 AMS327722 AWO327722 BGK327722 BQG327722 CAC327722 CJY327722 CTU327722 DDQ327722 DNM327722 DXI327722 EHE327722 ERA327722 FAW327722 FKS327722 FUO327722 GEK327722 GOG327722 GYC327722 HHY327722 HRU327722 IBQ327722 ILM327722 IVI327722 JFE327722 JPA327722 JYW327722 KIS327722 KSO327722 LCK327722 LMG327722 LWC327722 MFY327722 MPU327722 MZQ327722 NJM327722 NTI327722 ODE327722 ONA327722 OWW327722 PGS327722 PQO327722 QAK327722 QKG327722 QUC327722 RDY327722 RNU327722 RXQ327722 SHM327722 SRI327722 TBE327722 TLA327722 TUW327722 UES327722 UOO327722 UYK327722 VIG327722 VSC327722 WBY327722 WLU327722 WVQ327722 I393258 JE393258 TA393258 ACW393258 AMS393258 AWO393258 BGK393258 BQG393258 CAC393258 CJY393258 CTU393258 DDQ393258 DNM393258 DXI393258 EHE393258 ERA393258 FAW393258 FKS393258 FUO393258 GEK393258 GOG393258 GYC393258 HHY393258 HRU393258 IBQ393258 ILM393258 IVI393258 JFE393258 JPA393258 JYW393258 KIS393258 KSO393258 LCK393258 LMG393258 LWC393258 MFY393258 MPU393258 MZQ393258 NJM393258 NTI393258 ODE393258 ONA393258 OWW393258 PGS393258 PQO393258 QAK393258 QKG393258 QUC393258 RDY393258 RNU393258 RXQ393258 SHM393258 SRI393258 TBE393258 TLA393258 TUW393258 UES393258 UOO393258 UYK393258 VIG393258 VSC393258 WBY393258 WLU393258 WVQ393258 I458794 JE458794 TA458794 ACW458794 AMS458794 AWO458794 BGK458794 BQG458794 CAC458794 CJY458794 CTU458794 DDQ458794 DNM458794 DXI458794 EHE458794 ERA458794 FAW458794 FKS458794 FUO458794 GEK458794 GOG458794 GYC458794 HHY458794 HRU458794 IBQ458794 ILM458794 IVI458794 JFE458794 JPA458794 JYW458794 KIS458794 KSO458794 LCK458794 LMG458794 LWC458794 MFY458794 MPU458794 MZQ458794 NJM458794 NTI458794 ODE458794 ONA458794 OWW458794 PGS458794 PQO458794 QAK458794 QKG458794 QUC458794 RDY458794 RNU458794 RXQ458794 SHM458794 SRI458794 TBE458794 TLA458794 TUW458794 UES458794 UOO458794 UYK458794 VIG458794 VSC458794 WBY458794 WLU458794 WVQ458794 I524330 JE524330 TA524330 ACW524330 AMS524330 AWO524330 BGK524330 BQG524330 CAC524330 CJY524330 CTU524330 DDQ524330 DNM524330 DXI524330 EHE524330 ERA524330 FAW524330 FKS524330 FUO524330 GEK524330 GOG524330 GYC524330 HHY524330 HRU524330 IBQ524330 ILM524330 IVI524330 JFE524330 JPA524330 JYW524330 KIS524330 KSO524330 LCK524330 LMG524330 LWC524330 MFY524330 MPU524330 MZQ524330 NJM524330 NTI524330 ODE524330 ONA524330 OWW524330 PGS524330 PQO524330 QAK524330 QKG524330 QUC524330 RDY524330 RNU524330 RXQ524330 SHM524330 SRI524330 TBE524330 TLA524330 TUW524330 UES524330 UOO524330 UYK524330 VIG524330 VSC524330 WBY524330 WLU524330 WVQ524330 I589866 JE589866 TA589866 ACW589866 AMS589866 AWO589866 BGK589866 BQG589866 CAC589866 CJY589866 CTU589866 DDQ589866 DNM589866 DXI589866 EHE589866 ERA589866 FAW589866 FKS589866 FUO589866 GEK589866 GOG589866 GYC589866 HHY589866 HRU589866 IBQ589866 ILM589866 IVI589866 JFE589866 JPA589866 JYW589866 KIS589866 KSO589866 LCK589866 LMG589866 LWC589866 MFY589866 MPU589866 MZQ589866 NJM589866 NTI589866 ODE589866 ONA589866 OWW589866 PGS589866 PQO589866 QAK589866 QKG589866 QUC589866 RDY589866 RNU589866 RXQ589866 SHM589866 SRI589866 TBE589866 TLA589866 TUW589866 UES589866 UOO589866 UYK589866 VIG589866 VSC589866 WBY589866 WLU589866 WVQ589866 I655402 JE655402 TA655402 ACW655402 AMS655402 AWO655402 BGK655402 BQG655402 CAC655402 CJY655402 CTU655402 DDQ655402 DNM655402 DXI655402 EHE655402 ERA655402 FAW655402 FKS655402 FUO655402 GEK655402 GOG655402 GYC655402 HHY655402 HRU655402 IBQ655402 ILM655402 IVI655402 JFE655402 JPA655402 JYW655402 KIS655402 KSO655402 LCK655402 LMG655402 LWC655402 MFY655402 MPU655402 MZQ655402 NJM655402 NTI655402 ODE655402 ONA655402 OWW655402 PGS655402 PQO655402 QAK655402 QKG655402 QUC655402 RDY655402 RNU655402 RXQ655402 SHM655402 SRI655402 TBE655402 TLA655402 TUW655402 UES655402 UOO655402 UYK655402 VIG655402 VSC655402 WBY655402 WLU655402 WVQ655402 I720938 JE720938 TA720938 ACW720938 AMS720938 AWO720938 BGK720938 BQG720938 CAC720938 CJY720938 CTU720938 DDQ720938 DNM720938 DXI720938 EHE720938 ERA720938 FAW720938 FKS720938 FUO720938 GEK720938 GOG720938 GYC720938 HHY720938 HRU720938 IBQ720938 ILM720938 IVI720938 JFE720938 JPA720938 JYW720938 KIS720938 KSO720938 LCK720938 LMG720938 LWC720938 MFY720938 MPU720938 MZQ720938 NJM720938 NTI720938 ODE720938 ONA720938 OWW720938 PGS720938 PQO720938 QAK720938 QKG720938 QUC720938 RDY720938 RNU720938 RXQ720938 SHM720938 SRI720938 TBE720938 TLA720938 TUW720938 UES720938 UOO720938 UYK720938 VIG720938 VSC720938 WBY720938 WLU720938 WVQ720938 I786474 JE786474 TA786474 ACW786474 AMS786474 AWO786474 BGK786474 BQG786474 CAC786474 CJY786474 CTU786474 DDQ786474 DNM786474 DXI786474 EHE786474 ERA786474 FAW786474 FKS786474 FUO786474 GEK786474 GOG786474 GYC786474 HHY786474 HRU786474 IBQ786474 ILM786474 IVI786474 JFE786474 JPA786474 JYW786474 KIS786474 KSO786474 LCK786474 LMG786474 LWC786474 MFY786474 MPU786474 MZQ786474 NJM786474 NTI786474 ODE786474 ONA786474 OWW786474 PGS786474 PQO786474 QAK786474 QKG786474 QUC786474 RDY786474 RNU786474 RXQ786474 SHM786474 SRI786474 TBE786474 TLA786474 TUW786474 UES786474 UOO786474 UYK786474 VIG786474 VSC786474 WBY786474 WLU786474 WVQ786474 I852010 JE852010 TA852010 ACW852010 AMS852010 AWO852010 BGK852010 BQG852010 CAC852010 CJY852010 CTU852010 DDQ852010 DNM852010 DXI852010 EHE852010 ERA852010 FAW852010 FKS852010 FUO852010 GEK852010 GOG852010 GYC852010 HHY852010 HRU852010 IBQ852010 ILM852010 IVI852010 JFE852010 JPA852010 JYW852010 KIS852010 KSO852010 LCK852010 LMG852010 LWC852010 MFY852010 MPU852010 MZQ852010 NJM852010 NTI852010 ODE852010 ONA852010 OWW852010 PGS852010 PQO852010 QAK852010 QKG852010 QUC852010 RDY852010 RNU852010 RXQ852010 SHM852010 SRI852010 TBE852010 TLA852010 TUW852010 UES852010 UOO852010 UYK852010 VIG852010 VSC852010 WBY852010 WLU852010 WVQ852010 I917546 JE917546 TA917546 ACW917546 AMS917546 AWO917546 BGK917546 BQG917546 CAC917546 CJY917546 CTU917546 DDQ917546 DNM917546 DXI917546 EHE917546 ERA917546 FAW917546 FKS917546 FUO917546 GEK917546 GOG917546 GYC917546 HHY917546 HRU917546 IBQ917546 ILM917546 IVI917546 JFE917546 JPA917546 JYW917546 KIS917546 KSO917546 LCK917546 LMG917546 LWC917546 MFY917546 MPU917546 MZQ917546 NJM917546 NTI917546 ODE917546 ONA917546 OWW917546 PGS917546 PQO917546 QAK917546 QKG917546 QUC917546 RDY917546 RNU917546 RXQ917546 SHM917546 SRI917546 TBE917546 TLA917546 TUW917546 UES917546 UOO917546 UYK917546 VIG917546 VSC917546 WBY917546 WLU917546 WVQ917546 I983082 JE983082 TA983082 ACW983082 AMS983082 AWO983082 BGK983082 BQG983082 CAC983082 CJY983082 CTU983082 DDQ983082 DNM983082 DXI983082 EHE983082 ERA983082 FAW983082 FKS983082 FUO983082 GEK983082 GOG983082 GYC983082 HHY983082 HRU983082 IBQ983082 ILM983082 IVI983082 JFE983082 JPA983082 JYW983082 KIS983082 KSO983082 LCK983082 LMG983082 LWC983082 MFY983082 MPU983082 MZQ983082 NJM983082 NTI983082 ODE983082 ONA983082 OWW983082 PGS983082 PQO983082 QAK983082 QKG983082 QUC983082 RDY983082 RNU983082 RXQ983082 SHM983082 SRI983082 TBE983082 TLA983082 TUW983082 UES983082 UOO983082 UYK983082 VIG983082 VSC983082 WBY983082 WLU983082 WVQ983082" xr:uid="{00000000-0002-0000-0100-000014000000}"/>
    <dataValidation allowBlank="1" showInputMessage="1" showErrorMessage="1" promptTitle="写真　商品の全体がわかる商品を貼付" prompt="スペースに限りはありますが、イメージ写真（中身の見えるもの、または調理例）とパッケージ写真（外観）の両方があると良いです。生鮮品など一括表示が無い場合は、調理例などの写真を一括表示欄に挿入しても構いません。生鮮品など一括表示が無い場合は、調理例などの写真を入れることも効果的です。（てびき参照）" sqref="D48 IZ48 SV48 ACR48 AMN48 AWJ48 BGF48 BQB48 BZX48 CJT48 CTP48 DDL48 DNH48 DXD48 EGZ48 EQV48 FAR48 FKN48 FUJ48 GEF48 GOB48 GXX48 HHT48 HRP48 IBL48 ILH48 IVD48 JEZ48 JOV48 JYR48 KIN48 KSJ48 LCF48 LMB48 LVX48 MFT48 MPP48 MZL48 NJH48 NTD48 OCZ48 OMV48 OWR48 PGN48 PQJ48 QAF48 QKB48 QTX48 RDT48 RNP48 RXL48 SHH48 SRD48 TAZ48 TKV48 TUR48 UEN48 UOJ48 UYF48 VIB48 VRX48 WBT48 WLP48 WVL48 D65584 IZ65584 SV65584 ACR65584 AMN65584 AWJ65584 BGF65584 BQB65584 BZX65584 CJT65584 CTP65584 DDL65584 DNH65584 DXD65584 EGZ65584 EQV65584 FAR65584 FKN65584 FUJ65584 GEF65584 GOB65584 GXX65584 HHT65584 HRP65584 IBL65584 ILH65584 IVD65584 JEZ65584 JOV65584 JYR65584 KIN65584 KSJ65584 LCF65584 LMB65584 LVX65584 MFT65584 MPP65584 MZL65584 NJH65584 NTD65584 OCZ65584 OMV65584 OWR65584 PGN65584 PQJ65584 QAF65584 QKB65584 QTX65584 RDT65584 RNP65584 RXL65584 SHH65584 SRD65584 TAZ65584 TKV65584 TUR65584 UEN65584 UOJ65584 UYF65584 VIB65584 VRX65584 WBT65584 WLP65584 WVL65584 D131120 IZ131120 SV131120 ACR131120 AMN131120 AWJ131120 BGF131120 BQB131120 BZX131120 CJT131120 CTP131120 DDL131120 DNH131120 DXD131120 EGZ131120 EQV131120 FAR131120 FKN131120 FUJ131120 GEF131120 GOB131120 GXX131120 HHT131120 HRP131120 IBL131120 ILH131120 IVD131120 JEZ131120 JOV131120 JYR131120 KIN131120 KSJ131120 LCF131120 LMB131120 LVX131120 MFT131120 MPP131120 MZL131120 NJH131120 NTD131120 OCZ131120 OMV131120 OWR131120 PGN131120 PQJ131120 QAF131120 QKB131120 QTX131120 RDT131120 RNP131120 RXL131120 SHH131120 SRD131120 TAZ131120 TKV131120 TUR131120 UEN131120 UOJ131120 UYF131120 VIB131120 VRX131120 WBT131120 WLP131120 WVL131120 D196656 IZ196656 SV196656 ACR196656 AMN196656 AWJ196656 BGF196656 BQB196656 BZX196656 CJT196656 CTP196656 DDL196656 DNH196656 DXD196656 EGZ196656 EQV196656 FAR196656 FKN196656 FUJ196656 GEF196656 GOB196656 GXX196656 HHT196656 HRP196656 IBL196656 ILH196656 IVD196656 JEZ196656 JOV196656 JYR196656 KIN196656 KSJ196656 LCF196656 LMB196656 LVX196656 MFT196656 MPP196656 MZL196656 NJH196656 NTD196656 OCZ196656 OMV196656 OWR196656 PGN196656 PQJ196656 QAF196656 QKB196656 QTX196656 RDT196656 RNP196656 RXL196656 SHH196656 SRD196656 TAZ196656 TKV196656 TUR196656 UEN196656 UOJ196656 UYF196656 VIB196656 VRX196656 WBT196656 WLP196656 WVL196656 D262192 IZ262192 SV262192 ACR262192 AMN262192 AWJ262192 BGF262192 BQB262192 BZX262192 CJT262192 CTP262192 DDL262192 DNH262192 DXD262192 EGZ262192 EQV262192 FAR262192 FKN262192 FUJ262192 GEF262192 GOB262192 GXX262192 HHT262192 HRP262192 IBL262192 ILH262192 IVD262192 JEZ262192 JOV262192 JYR262192 KIN262192 KSJ262192 LCF262192 LMB262192 LVX262192 MFT262192 MPP262192 MZL262192 NJH262192 NTD262192 OCZ262192 OMV262192 OWR262192 PGN262192 PQJ262192 QAF262192 QKB262192 QTX262192 RDT262192 RNP262192 RXL262192 SHH262192 SRD262192 TAZ262192 TKV262192 TUR262192 UEN262192 UOJ262192 UYF262192 VIB262192 VRX262192 WBT262192 WLP262192 WVL262192 D327728 IZ327728 SV327728 ACR327728 AMN327728 AWJ327728 BGF327728 BQB327728 BZX327728 CJT327728 CTP327728 DDL327728 DNH327728 DXD327728 EGZ327728 EQV327728 FAR327728 FKN327728 FUJ327728 GEF327728 GOB327728 GXX327728 HHT327728 HRP327728 IBL327728 ILH327728 IVD327728 JEZ327728 JOV327728 JYR327728 KIN327728 KSJ327728 LCF327728 LMB327728 LVX327728 MFT327728 MPP327728 MZL327728 NJH327728 NTD327728 OCZ327728 OMV327728 OWR327728 PGN327728 PQJ327728 QAF327728 QKB327728 QTX327728 RDT327728 RNP327728 RXL327728 SHH327728 SRD327728 TAZ327728 TKV327728 TUR327728 UEN327728 UOJ327728 UYF327728 VIB327728 VRX327728 WBT327728 WLP327728 WVL327728 D393264 IZ393264 SV393264 ACR393264 AMN393264 AWJ393264 BGF393264 BQB393264 BZX393264 CJT393264 CTP393264 DDL393264 DNH393264 DXD393264 EGZ393264 EQV393264 FAR393264 FKN393264 FUJ393264 GEF393264 GOB393264 GXX393264 HHT393264 HRP393264 IBL393264 ILH393264 IVD393264 JEZ393264 JOV393264 JYR393264 KIN393264 KSJ393264 LCF393264 LMB393264 LVX393264 MFT393264 MPP393264 MZL393264 NJH393264 NTD393264 OCZ393264 OMV393264 OWR393264 PGN393264 PQJ393264 QAF393264 QKB393264 QTX393264 RDT393264 RNP393264 RXL393264 SHH393264 SRD393264 TAZ393264 TKV393264 TUR393264 UEN393264 UOJ393264 UYF393264 VIB393264 VRX393264 WBT393264 WLP393264 WVL393264 D458800 IZ458800 SV458800 ACR458800 AMN458800 AWJ458800 BGF458800 BQB458800 BZX458800 CJT458800 CTP458800 DDL458800 DNH458800 DXD458800 EGZ458800 EQV458800 FAR458800 FKN458800 FUJ458800 GEF458800 GOB458800 GXX458800 HHT458800 HRP458800 IBL458800 ILH458800 IVD458800 JEZ458800 JOV458800 JYR458800 KIN458800 KSJ458800 LCF458800 LMB458800 LVX458800 MFT458800 MPP458800 MZL458800 NJH458800 NTD458800 OCZ458800 OMV458800 OWR458800 PGN458800 PQJ458800 QAF458800 QKB458800 QTX458800 RDT458800 RNP458800 RXL458800 SHH458800 SRD458800 TAZ458800 TKV458800 TUR458800 UEN458800 UOJ458800 UYF458800 VIB458800 VRX458800 WBT458800 WLP458800 WVL458800 D524336 IZ524336 SV524336 ACR524336 AMN524336 AWJ524336 BGF524336 BQB524336 BZX524336 CJT524336 CTP524336 DDL524336 DNH524336 DXD524336 EGZ524336 EQV524336 FAR524336 FKN524336 FUJ524336 GEF524336 GOB524336 GXX524336 HHT524336 HRP524336 IBL524336 ILH524336 IVD524336 JEZ524336 JOV524336 JYR524336 KIN524336 KSJ524336 LCF524336 LMB524336 LVX524336 MFT524336 MPP524336 MZL524336 NJH524336 NTD524336 OCZ524336 OMV524336 OWR524336 PGN524336 PQJ524336 QAF524336 QKB524336 QTX524336 RDT524336 RNP524336 RXL524336 SHH524336 SRD524336 TAZ524336 TKV524336 TUR524336 UEN524336 UOJ524336 UYF524336 VIB524336 VRX524336 WBT524336 WLP524336 WVL524336 D589872 IZ589872 SV589872 ACR589872 AMN589872 AWJ589872 BGF589872 BQB589872 BZX589872 CJT589872 CTP589872 DDL589872 DNH589872 DXD589872 EGZ589872 EQV589872 FAR589872 FKN589872 FUJ589872 GEF589872 GOB589872 GXX589872 HHT589872 HRP589872 IBL589872 ILH589872 IVD589872 JEZ589872 JOV589872 JYR589872 KIN589872 KSJ589872 LCF589872 LMB589872 LVX589872 MFT589872 MPP589872 MZL589872 NJH589872 NTD589872 OCZ589872 OMV589872 OWR589872 PGN589872 PQJ589872 QAF589872 QKB589872 QTX589872 RDT589872 RNP589872 RXL589872 SHH589872 SRD589872 TAZ589872 TKV589872 TUR589872 UEN589872 UOJ589872 UYF589872 VIB589872 VRX589872 WBT589872 WLP589872 WVL589872 D655408 IZ655408 SV655408 ACR655408 AMN655408 AWJ655408 BGF655408 BQB655408 BZX655408 CJT655408 CTP655408 DDL655408 DNH655408 DXD655408 EGZ655408 EQV655408 FAR655408 FKN655408 FUJ655408 GEF655408 GOB655408 GXX655408 HHT655408 HRP655408 IBL655408 ILH655408 IVD655408 JEZ655408 JOV655408 JYR655408 KIN655408 KSJ655408 LCF655408 LMB655408 LVX655408 MFT655408 MPP655408 MZL655408 NJH655408 NTD655408 OCZ655408 OMV655408 OWR655408 PGN655408 PQJ655408 QAF655408 QKB655408 QTX655408 RDT655408 RNP655408 RXL655408 SHH655408 SRD655408 TAZ655408 TKV655408 TUR655408 UEN655408 UOJ655408 UYF655408 VIB655408 VRX655408 WBT655408 WLP655408 WVL655408 D720944 IZ720944 SV720944 ACR720944 AMN720944 AWJ720944 BGF720944 BQB720944 BZX720944 CJT720944 CTP720944 DDL720944 DNH720944 DXD720944 EGZ720944 EQV720944 FAR720944 FKN720944 FUJ720944 GEF720944 GOB720944 GXX720944 HHT720944 HRP720944 IBL720944 ILH720944 IVD720944 JEZ720944 JOV720944 JYR720944 KIN720944 KSJ720944 LCF720944 LMB720944 LVX720944 MFT720944 MPP720944 MZL720944 NJH720944 NTD720944 OCZ720944 OMV720944 OWR720944 PGN720944 PQJ720944 QAF720944 QKB720944 QTX720944 RDT720944 RNP720944 RXL720944 SHH720944 SRD720944 TAZ720944 TKV720944 TUR720944 UEN720944 UOJ720944 UYF720944 VIB720944 VRX720944 WBT720944 WLP720944 WVL720944 D786480 IZ786480 SV786480 ACR786480 AMN786480 AWJ786480 BGF786480 BQB786480 BZX786480 CJT786480 CTP786480 DDL786480 DNH786480 DXD786480 EGZ786480 EQV786480 FAR786480 FKN786480 FUJ786480 GEF786480 GOB786480 GXX786480 HHT786480 HRP786480 IBL786480 ILH786480 IVD786480 JEZ786480 JOV786480 JYR786480 KIN786480 KSJ786480 LCF786480 LMB786480 LVX786480 MFT786480 MPP786480 MZL786480 NJH786480 NTD786480 OCZ786480 OMV786480 OWR786480 PGN786480 PQJ786480 QAF786480 QKB786480 QTX786480 RDT786480 RNP786480 RXL786480 SHH786480 SRD786480 TAZ786480 TKV786480 TUR786480 UEN786480 UOJ786480 UYF786480 VIB786480 VRX786480 WBT786480 WLP786480 WVL786480 D852016 IZ852016 SV852016 ACR852016 AMN852016 AWJ852016 BGF852016 BQB852016 BZX852016 CJT852016 CTP852016 DDL852016 DNH852016 DXD852016 EGZ852016 EQV852016 FAR852016 FKN852016 FUJ852016 GEF852016 GOB852016 GXX852016 HHT852016 HRP852016 IBL852016 ILH852016 IVD852016 JEZ852016 JOV852016 JYR852016 KIN852016 KSJ852016 LCF852016 LMB852016 LVX852016 MFT852016 MPP852016 MZL852016 NJH852016 NTD852016 OCZ852016 OMV852016 OWR852016 PGN852016 PQJ852016 QAF852016 QKB852016 QTX852016 RDT852016 RNP852016 RXL852016 SHH852016 SRD852016 TAZ852016 TKV852016 TUR852016 UEN852016 UOJ852016 UYF852016 VIB852016 VRX852016 WBT852016 WLP852016 WVL852016 D917552 IZ917552 SV917552 ACR917552 AMN917552 AWJ917552 BGF917552 BQB917552 BZX917552 CJT917552 CTP917552 DDL917552 DNH917552 DXD917552 EGZ917552 EQV917552 FAR917552 FKN917552 FUJ917552 GEF917552 GOB917552 GXX917552 HHT917552 HRP917552 IBL917552 ILH917552 IVD917552 JEZ917552 JOV917552 JYR917552 KIN917552 KSJ917552 LCF917552 LMB917552 LVX917552 MFT917552 MPP917552 MZL917552 NJH917552 NTD917552 OCZ917552 OMV917552 OWR917552 PGN917552 PQJ917552 QAF917552 QKB917552 QTX917552 RDT917552 RNP917552 RXL917552 SHH917552 SRD917552 TAZ917552 TKV917552 TUR917552 UEN917552 UOJ917552 UYF917552 VIB917552 VRX917552 WBT917552 WLP917552 WVL917552 D983088 IZ983088 SV983088 ACR983088 AMN983088 AWJ983088 BGF983088 BQB983088 BZX983088 CJT983088 CTP983088 DDL983088 DNH983088 DXD983088 EGZ983088 EQV983088 FAR983088 FKN983088 FUJ983088 GEF983088 GOB983088 GXX983088 HHT983088 HRP983088 IBL983088 ILH983088 IVD983088 JEZ983088 JOV983088 JYR983088 KIN983088 KSJ983088 LCF983088 LMB983088 LVX983088 MFT983088 MPP983088 MZL983088 NJH983088 NTD983088 OCZ983088 OMV983088 OWR983088 PGN983088 PQJ983088 QAF983088 QKB983088 QTX983088 RDT983088 RNP983088 RXL983088 SHH983088 SRD983088 TAZ983088 TKV983088 TUR983088 UEN983088 UOJ983088 UYF983088 VIB983088 VRX983088 WBT983088 WLP983088 WVL983088" xr:uid="{00000000-0002-0000-0100-000015000000}"/>
    <dataValidation imeMode="hiragana" allowBlank="1" showInputMessage="1" showErrorMessage="1" promptTitle="出展企業名" prompt="出展企業の正式名称を記載してください。独特の読み方や読みづらい名称は、ふりがなを振りましょう。" sqref="AL5 KH5 UD5 ADZ5 ANV5 AXR5 BHN5 BRJ5 CBF5 CLB5 CUX5 DET5 DOP5 DYL5 EIH5 ESD5 FBZ5 FLV5 FVR5 GFN5 GPJ5 GZF5 HJB5 HSX5 ICT5 IMP5 IWL5 JGH5 JQD5 JZZ5 KJV5 KTR5 LDN5 LNJ5 LXF5 MHB5 MQX5 NAT5 NKP5 NUL5 OEH5 OOD5 OXZ5 PHV5 PRR5 QBN5 QLJ5 QVF5 RFB5 ROX5 RYT5 SIP5 SSL5 TCH5 TMD5 TVZ5 UFV5 UPR5 UZN5 VJJ5 VTF5 WDB5 WMX5 WWT5 AL65541 KH65541 UD65541 ADZ65541 ANV65541 AXR65541 BHN65541 BRJ65541 CBF65541 CLB65541 CUX65541 DET65541 DOP65541 DYL65541 EIH65541 ESD65541 FBZ65541 FLV65541 FVR65541 GFN65541 GPJ65541 GZF65541 HJB65541 HSX65541 ICT65541 IMP65541 IWL65541 JGH65541 JQD65541 JZZ65541 KJV65541 KTR65541 LDN65541 LNJ65541 LXF65541 MHB65541 MQX65541 NAT65541 NKP65541 NUL65541 OEH65541 OOD65541 OXZ65541 PHV65541 PRR65541 QBN65541 QLJ65541 QVF65541 RFB65541 ROX65541 RYT65541 SIP65541 SSL65541 TCH65541 TMD65541 TVZ65541 UFV65541 UPR65541 UZN65541 VJJ65541 VTF65541 WDB65541 WMX65541 WWT65541 AL131077 KH131077 UD131077 ADZ131077 ANV131077 AXR131077 BHN131077 BRJ131077 CBF131077 CLB131077 CUX131077 DET131077 DOP131077 DYL131077 EIH131077 ESD131077 FBZ131077 FLV131077 FVR131077 GFN131077 GPJ131077 GZF131077 HJB131077 HSX131077 ICT131077 IMP131077 IWL131077 JGH131077 JQD131077 JZZ131077 KJV131077 KTR131077 LDN131077 LNJ131077 LXF131077 MHB131077 MQX131077 NAT131077 NKP131077 NUL131077 OEH131077 OOD131077 OXZ131077 PHV131077 PRR131077 QBN131077 QLJ131077 QVF131077 RFB131077 ROX131077 RYT131077 SIP131077 SSL131077 TCH131077 TMD131077 TVZ131077 UFV131077 UPR131077 UZN131077 VJJ131077 VTF131077 WDB131077 WMX131077 WWT131077 AL196613 KH196613 UD196613 ADZ196613 ANV196613 AXR196613 BHN196613 BRJ196613 CBF196613 CLB196613 CUX196613 DET196613 DOP196613 DYL196613 EIH196613 ESD196613 FBZ196613 FLV196613 FVR196613 GFN196613 GPJ196613 GZF196613 HJB196613 HSX196613 ICT196613 IMP196613 IWL196613 JGH196613 JQD196613 JZZ196613 KJV196613 KTR196613 LDN196613 LNJ196613 LXF196613 MHB196613 MQX196613 NAT196613 NKP196613 NUL196613 OEH196613 OOD196613 OXZ196613 PHV196613 PRR196613 QBN196613 QLJ196613 QVF196613 RFB196613 ROX196613 RYT196613 SIP196613 SSL196613 TCH196613 TMD196613 TVZ196613 UFV196613 UPR196613 UZN196613 VJJ196613 VTF196613 WDB196613 WMX196613 WWT196613 AL262149 KH262149 UD262149 ADZ262149 ANV262149 AXR262149 BHN262149 BRJ262149 CBF262149 CLB262149 CUX262149 DET262149 DOP262149 DYL262149 EIH262149 ESD262149 FBZ262149 FLV262149 FVR262149 GFN262149 GPJ262149 GZF262149 HJB262149 HSX262149 ICT262149 IMP262149 IWL262149 JGH262149 JQD262149 JZZ262149 KJV262149 KTR262149 LDN262149 LNJ262149 LXF262149 MHB262149 MQX262149 NAT262149 NKP262149 NUL262149 OEH262149 OOD262149 OXZ262149 PHV262149 PRR262149 QBN262149 QLJ262149 QVF262149 RFB262149 ROX262149 RYT262149 SIP262149 SSL262149 TCH262149 TMD262149 TVZ262149 UFV262149 UPR262149 UZN262149 VJJ262149 VTF262149 WDB262149 WMX262149 WWT262149 AL327685 KH327685 UD327685 ADZ327685 ANV327685 AXR327685 BHN327685 BRJ327685 CBF327685 CLB327685 CUX327685 DET327685 DOP327685 DYL327685 EIH327685 ESD327685 FBZ327685 FLV327685 FVR327685 GFN327685 GPJ327685 GZF327685 HJB327685 HSX327685 ICT327685 IMP327685 IWL327685 JGH327685 JQD327685 JZZ327685 KJV327685 KTR327685 LDN327685 LNJ327685 LXF327685 MHB327685 MQX327685 NAT327685 NKP327685 NUL327685 OEH327685 OOD327685 OXZ327685 PHV327685 PRR327685 QBN327685 QLJ327685 QVF327685 RFB327685 ROX327685 RYT327685 SIP327685 SSL327685 TCH327685 TMD327685 TVZ327685 UFV327685 UPR327685 UZN327685 VJJ327685 VTF327685 WDB327685 WMX327685 WWT327685 AL393221 KH393221 UD393221 ADZ393221 ANV393221 AXR393221 BHN393221 BRJ393221 CBF393221 CLB393221 CUX393221 DET393221 DOP393221 DYL393221 EIH393221 ESD393221 FBZ393221 FLV393221 FVR393221 GFN393221 GPJ393221 GZF393221 HJB393221 HSX393221 ICT393221 IMP393221 IWL393221 JGH393221 JQD393221 JZZ393221 KJV393221 KTR393221 LDN393221 LNJ393221 LXF393221 MHB393221 MQX393221 NAT393221 NKP393221 NUL393221 OEH393221 OOD393221 OXZ393221 PHV393221 PRR393221 QBN393221 QLJ393221 QVF393221 RFB393221 ROX393221 RYT393221 SIP393221 SSL393221 TCH393221 TMD393221 TVZ393221 UFV393221 UPR393221 UZN393221 VJJ393221 VTF393221 WDB393221 WMX393221 WWT393221 AL458757 KH458757 UD458757 ADZ458757 ANV458757 AXR458757 BHN458757 BRJ458757 CBF458757 CLB458757 CUX458757 DET458757 DOP458757 DYL458757 EIH458757 ESD458757 FBZ458757 FLV458757 FVR458757 GFN458757 GPJ458757 GZF458757 HJB458757 HSX458757 ICT458757 IMP458757 IWL458757 JGH458757 JQD458757 JZZ458757 KJV458757 KTR458757 LDN458757 LNJ458757 LXF458757 MHB458757 MQX458757 NAT458757 NKP458757 NUL458757 OEH458757 OOD458757 OXZ458757 PHV458757 PRR458757 QBN458757 QLJ458757 QVF458757 RFB458757 ROX458757 RYT458757 SIP458757 SSL458757 TCH458757 TMD458757 TVZ458757 UFV458757 UPR458757 UZN458757 VJJ458757 VTF458757 WDB458757 WMX458757 WWT458757 AL524293 KH524293 UD524293 ADZ524293 ANV524293 AXR524293 BHN524293 BRJ524293 CBF524293 CLB524293 CUX524293 DET524293 DOP524293 DYL524293 EIH524293 ESD524293 FBZ524293 FLV524293 FVR524293 GFN524293 GPJ524293 GZF524293 HJB524293 HSX524293 ICT524293 IMP524293 IWL524293 JGH524293 JQD524293 JZZ524293 KJV524293 KTR524293 LDN524293 LNJ524293 LXF524293 MHB524293 MQX524293 NAT524293 NKP524293 NUL524293 OEH524293 OOD524293 OXZ524293 PHV524293 PRR524293 QBN524293 QLJ524293 QVF524293 RFB524293 ROX524293 RYT524293 SIP524293 SSL524293 TCH524293 TMD524293 TVZ524293 UFV524293 UPR524293 UZN524293 VJJ524293 VTF524293 WDB524293 WMX524293 WWT524293 AL589829 KH589829 UD589829 ADZ589829 ANV589829 AXR589829 BHN589829 BRJ589829 CBF589829 CLB589829 CUX589829 DET589829 DOP589829 DYL589829 EIH589829 ESD589829 FBZ589829 FLV589829 FVR589829 GFN589829 GPJ589829 GZF589829 HJB589829 HSX589829 ICT589829 IMP589829 IWL589829 JGH589829 JQD589829 JZZ589829 KJV589829 KTR589829 LDN589829 LNJ589829 LXF589829 MHB589829 MQX589829 NAT589829 NKP589829 NUL589829 OEH589829 OOD589829 OXZ589829 PHV589829 PRR589829 QBN589829 QLJ589829 QVF589829 RFB589829 ROX589829 RYT589829 SIP589829 SSL589829 TCH589829 TMD589829 TVZ589829 UFV589829 UPR589829 UZN589829 VJJ589829 VTF589829 WDB589829 WMX589829 WWT589829 AL655365 KH655365 UD655365 ADZ655365 ANV655365 AXR655365 BHN655365 BRJ655365 CBF655365 CLB655365 CUX655365 DET655365 DOP655365 DYL655365 EIH655365 ESD655365 FBZ655365 FLV655365 FVR655365 GFN655365 GPJ655365 GZF655365 HJB655365 HSX655365 ICT655365 IMP655365 IWL655365 JGH655365 JQD655365 JZZ655365 KJV655365 KTR655365 LDN655365 LNJ655365 LXF655365 MHB655365 MQX655365 NAT655365 NKP655365 NUL655365 OEH655365 OOD655365 OXZ655365 PHV655365 PRR655365 QBN655365 QLJ655365 QVF655365 RFB655365 ROX655365 RYT655365 SIP655365 SSL655365 TCH655365 TMD655365 TVZ655365 UFV655365 UPR655365 UZN655365 VJJ655365 VTF655365 WDB655365 WMX655365 WWT655365 AL720901 KH720901 UD720901 ADZ720901 ANV720901 AXR720901 BHN720901 BRJ720901 CBF720901 CLB720901 CUX720901 DET720901 DOP720901 DYL720901 EIH720901 ESD720901 FBZ720901 FLV720901 FVR720901 GFN720901 GPJ720901 GZF720901 HJB720901 HSX720901 ICT720901 IMP720901 IWL720901 JGH720901 JQD720901 JZZ720901 KJV720901 KTR720901 LDN720901 LNJ720901 LXF720901 MHB720901 MQX720901 NAT720901 NKP720901 NUL720901 OEH720901 OOD720901 OXZ720901 PHV720901 PRR720901 QBN720901 QLJ720901 QVF720901 RFB720901 ROX720901 RYT720901 SIP720901 SSL720901 TCH720901 TMD720901 TVZ720901 UFV720901 UPR720901 UZN720901 VJJ720901 VTF720901 WDB720901 WMX720901 WWT720901 AL786437 KH786437 UD786437 ADZ786437 ANV786437 AXR786437 BHN786437 BRJ786437 CBF786437 CLB786437 CUX786437 DET786437 DOP786437 DYL786437 EIH786437 ESD786437 FBZ786437 FLV786437 FVR786437 GFN786437 GPJ786437 GZF786437 HJB786437 HSX786437 ICT786437 IMP786437 IWL786437 JGH786437 JQD786437 JZZ786437 KJV786437 KTR786437 LDN786437 LNJ786437 LXF786437 MHB786437 MQX786437 NAT786437 NKP786437 NUL786437 OEH786437 OOD786437 OXZ786437 PHV786437 PRR786437 QBN786437 QLJ786437 QVF786437 RFB786437 ROX786437 RYT786437 SIP786437 SSL786437 TCH786437 TMD786437 TVZ786437 UFV786437 UPR786437 UZN786437 VJJ786437 VTF786437 WDB786437 WMX786437 WWT786437 AL851973 KH851973 UD851973 ADZ851973 ANV851973 AXR851973 BHN851973 BRJ851973 CBF851973 CLB851973 CUX851973 DET851973 DOP851973 DYL851973 EIH851973 ESD851973 FBZ851973 FLV851973 FVR851973 GFN851973 GPJ851973 GZF851973 HJB851973 HSX851973 ICT851973 IMP851973 IWL851973 JGH851973 JQD851973 JZZ851973 KJV851973 KTR851973 LDN851973 LNJ851973 LXF851973 MHB851973 MQX851973 NAT851973 NKP851973 NUL851973 OEH851973 OOD851973 OXZ851973 PHV851973 PRR851973 QBN851973 QLJ851973 QVF851973 RFB851973 ROX851973 RYT851973 SIP851973 SSL851973 TCH851973 TMD851973 TVZ851973 UFV851973 UPR851973 UZN851973 VJJ851973 VTF851973 WDB851973 WMX851973 WWT851973 AL917509 KH917509 UD917509 ADZ917509 ANV917509 AXR917509 BHN917509 BRJ917509 CBF917509 CLB917509 CUX917509 DET917509 DOP917509 DYL917509 EIH917509 ESD917509 FBZ917509 FLV917509 FVR917509 GFN917509 GPJ917509 GZF917509 HJB917509 HSX917509 ICT917509 IMP917509 IWL917509 JGH917509 JQD917509 JZZ917509 KJV917509 KTR917509 LDN917509 LNJ917509 LXF917509 MHB917509 MQX917509 NAT917509 NKP917509 NUL917509 OEH917509 OOD917509 OXZ917509 PHV917509 PRR917509 QBN917509 QLJ917509 QVF917509 RFB917509 ROX917509 RYT917509 SIP917509 SSL917509 TCH917509 TMD917509 TVZ917509 UFV917509 UPR917509 UZN917509 VJJ917509 VTF917509 WDB917509 WMX917509 WWT917509 AL983045 KH983045 UD983045 ADZ983045 ANV983045 AXR983045 BHN983045 BRJ983045 CBF983045 CLB983045 CUX983045 DET983045 DOP983045 DYL983045 EIH983045 ESD983045 FBZ983045 FLV983045 FVR983045 GFN983045 GPJ983045 GZF983045 HJB983045 HSX983045 ICT983045 IMP983045 IWL983045 JGH983045 JQD983045 JZZ983045 KJV983045 KTR983045 LDN983045 LNJ983045 LXF983045 MHB983045 MQX983045 NAT983045 NKP983045 NUL983045 OEH983045 OOD983045 OXZ983045 PHV983045 PRR983045 QBN983045 QLJ983045 QVF983045 RFB983045 ROX983045 RYT983045 SIP983045 SSL983045 TCH983045 TMD983045 TVZ983045 UFV983045 UPR983045 UZN983045 VJJ983045 VTF983045 WDB983045 WMX983045 WWT983045" xr:uid="{00000000-0002-0000-0100-000016000000}"/>
    <dataValidation imeMode="halfAlpha" allowBlank="1" showInputMessage="1" showErrorMessage="1" promptTitle="危機管理体制" prompt="緊急時（事件及び事故発生時）における、社内体制やお客様とのコミュニケーション方法の取り決め等について示してください。_x000a_・緊急時における連絡先" sqref="BC70 KY70 UU70 AEQ70 AOM70 AYI70 BIE70 BSA70 CBW70 CLS70 CVO70 DFK70 DPG70 DZC70 EIY70 ESU70 FCQ70 FMM70 FWI70 GGE70 GQA70 GZW70 HJS70 HTO70 IDK70 ING70 IXC70 JGY70 JQU70 KAQ70 KKM70 KUI70 LEE70 LOA70 LXW70 MHS70 MRO70 NBK70 NLG70 NVC70 OEY70 OOU70 OYQ70 PIM70 PSI70 QCE70 QMA70 QVW70 RFS70 RPO70 RZK70 SJG70 STC70 TCY70 TMU70 TWQ70 UGM70 UQI70 VAE70 VKA70 VTW70 WDS70 WNO70 WXK70 BC65606 KY65606 UU65606 AEQ65606 AOM65606 AYI65606 BIE65606 BSA65606 CBW65606 CLS65606 CVO65606 DFK65606 DPG65606 DZC65606 EIY65606 ESU65606 FCQ65606 FMM65606 FWI65606 GGE65606 GQA65606 GZW65606 HJS65606 HTO65606 IDK65606 ING65606 IXC65606 JGY65606 JQU65606 KAQ65606 KKM65606 KUI65606 LEE65606 LOA65606 LXW65606 MHS65606 MRO65606 NBK65606 NLG65606 NVC65606 OEY65606 OOU65606 OYQ65606 PIM65606 PSI65606 QCE65606 QMA65606 QVW65606 RFS65606 RPO65606 RZK65606 SJG65606 STC65606 TCY65606 TMU65606 TWQ65606 UGM65606 UQI65606 VAE65606 VKA65606 VTW65606 WDS65606 WNO65606 WXK65606 BC131142 KY131142 UU131142 AEQ131142 AOM131142 AYI131142 BIE131142 BSA131142 CBW131142 CLS131142 CVO131142 DFK131142 DPG131142 DZC131142 EIY131142 ESU131142 FCQ131142 FMM131142 FWI131142 GGE131142 GQA131142 GZW131142 HJS131142 HTO131142 IDK131142 ING131142 IXC131142 JGY131142 JQU131142 KAQ131142 KKM131142 KUI131142 LEE131142 LOA131142 LXW131142 MHS131142 MRO131142 NBK131142 NLG131142 NVC131142 OEY131142 OOU131142 OYQ131142 PIM131142 PSI131142 QCE131142 QMA131142 QVW131142 RFS131142 RPO131142 RZK131142 SJG131142 STC131142 TCY131142 TMU131142 TWQ131142 UGM131142 UQI131142 VAE131142 VKA131142 VTW131142 WDS131142 WNO131142 WXK131142 BC196678 KY196678 UU196678 AEQ196678 AOM196678 AYI196678 BIE196678 BSA196678 CBW196678 CLS196678 CVO196678 DFK196678 DPG196678 DZC196678 EIY196678 ESU196678 FCQ196678 FMM196678 FWI196678 GGE196678 GQA196678 GZW196678 HJS196678 HTO196678 IDK196678 ING196678 IXC196678 JGY196678 JQU196678 KAQ196678 KKM196678 KUI196678 LEE196678 LOA196678 LXW196678 MHS196678 MRO196678 NBK196678 NLG196678 NVC196678 OEY196678 OOU196678 OYQ196678 PIM196678 PSI196678 QCE196678 QMA196678 QVW196678 RFS196678 RPO196678 RZK196678 SJG196678 STC196678 TCY196678 TMU196678 TWQ196678 UGM196678 UQI196678 VAE196678 VKA196678 VTW196678 WDS196678 WNO196678 WXK196678 BC262214 KY262214 UU262214 AEQ262214 AOM262214 AYI262214 BIE262214 BSA262214 CBW262214 CLS262214 CVO262214 DFK262214 DPG262214 DZC262214 EIY262214 ESU262214 FCQ262214 FMM262214 FWI262214 GGE262214 GQA262214 GZW262214 HJS262214 HTO262214 IDK262214 ING262214 IXC262214 JGY262214 JQU262214 KAQ262214 KKM262214 KUI262214 LEE262214 LOA262214 LXW262214 MHS262214 MRO262214 NBK262214 NLG262214 NVC262214 OEY262214 OOU262214 OYQ262214 PIM262214 PSI262214 QCE262214 QMA262214 QVW262214 RFS262214 RPO262214 RZK262214 SJG262214 STC262214 TCY262214 TMU262214 TWQ262214 UGM262214 UQI262214 VAE262214 VKA262214 VTW262214 WDS262214 WNO262214 WXK262214 BC327750 KY327750 UU327750 AEQ327750 AOM327750 AYI327750 BIE327750 BSA327750 CBW327750 CLS327750 CVO327750 DFK327750 DPG327750 DZC327750 EIY327750 ESU327750 FCQ327750 FMM327750 FWI327750 GGE327750 GQA327750 GZW327750 HJS327750 HTO327750 IDK327750 ING327750 IXC327750 JGY327750 JQU327750 KAQ327750 KKM327750 KUI327750 LEE327750 LOA327750 LXW327750 MHS327750 MRO327750 NBK327750 NLG327750 NVC327750 OEY327750 OOU327750 OYQ327750 PIM327750 PSI327750 QCE327750 QMA327750 QVW327750 RFS327750 RPO327750 RZK327750 SJG327750 STC327750 TCY327750 TMU327750 TWQ327750 UGM327750 UQI327750 VAE327750 VKA327750 VTW327750 WDS327750 WNO327750 WXK327750 BC393286 KY393286 UU393286 AEQ393286 AOM393286 AYI393286 BIE393286 BSA393286 CBW393286 CLS393286 CVO393286 DFK393286 DPG393286 DZC393286 EIY393286 ESU393286 FCQ393286 FMM393286 FWI393286 GGE393286 GQA393286 GZW393286 HJS393286 HTO393286 IDK393286 ING393286 IXC393286 JGY393286 JQU393286 KAQ393286 KKM393286 KUI393286 LEE393286 LOA393286 LXW393286 MHS393286 MRO393286 NBK393286 NLG393286 NVC393286 OEY393286 OOU393286 OYQ393286 PIM393286 PSI393286 QCE393286 QMA393286 QVW393286 RFS393286 RPO393286 RZK393286 SJG393286 STC393286 TCY393286 TMU393286 TWQ393286 UGM393286 UQI393286 VAE393286 VKA393286 VTW393286 WDS393286 WNO393286 WXK393286 BC458822 KY458822 UU458822 AEQ458822 AOM458822 AYI458822 BIE458822 BSA458822 CBW458822 CLS458822 CVO458822 DFK458822 DPG458822 DZC458822 EIY458822 ESU458822 FCQ458822 FMM458822 FWI458822 GGE458822 GQA458822 GZW458822 HJS458822 HTO458822 IDK458822 ING458822 IXC458822 JGY458822 JQU458822 KAQ458822 KKM458822 KUI458822 LEE458822 LOA458822 LXW458822 MHS458822 MRO458822 NBK458822 NLG458822 NVC458822 OEY458822 OOU458822 OYQ458822 PIM458822 PSI458822 QCE458822 QMA458822 QVW458822 RFS458822 RPO458822 RZK458822 SJG458822 STC458822 TCY458822 TMU458822 TWQ458822 UGM458822 UQI458822 VAE458822 VKA458822 VTW458822 WDS458822 WNO458822 WXK458822 BC524358 KY524358 UU524358 AEQ524358 AOM524358 AYI524358 BIE524358 BSA524358 CBW524358 CLS524358 CVO524358 DFK524358 DPG524358 DZC524358 EIY524358 ESU524358 FCQ524358 FMM524358 FWI524358 GGE524358 GQA524358 GZW524358 HJS524358 HTO524358 IDK524358 ING524358 IXC524358 JGY524358 JQU524358 KAQ524358 KKM524358 KUI524358 LEE524358 LOA524358 LXW524358 MHS524358 MRO524358 NBK524358 NLG524358 NVC524358 OEY524358 OOU524358 OYQ524358 PIM524358 PSI524358 QCE524358 QMA524358 QVW524358 RFS524358 RPO524358 RZK524358 SJG524358 STC524358 TCY524358 TMU524358 TWQ524358 UGM524358 UQI524358 VAE524358 VKA524358 VTW524358 WDS524358 WNO524358 WXK524358 BC589894 KY589894 UU589894 AEQ589894 AOM589894 AYI589894 BIE589894 BSA589894 CBW589894 CLS589894 CVO589894 DFK589894 DPG589894 DZC589894 EIY589894 ESU589894 FCQ589894 FMM589894 FWI589894 GGE589894 GQA589894 GZW589894 HJS589894 HTO589894 IDK589894 ING589894 IXC589894 JGY589894 JQU589894 KAQ589894 KKM589894 KUI589894 LEE589894 LOA589894 LXW589894 MHS589894 MRO589894 NBK589894 NLG589894 NVC589894 OEY589894 OOU589894 OYQ589894 PIM589894 PSI589894 QCE589894 QMA589894 QVW589894 RFS589894 RPO589894 RZK589894 SJG589894 STC589894 TCY589894 TMU589894 TWQ589894 UGM589894 UQI589894 VAE589894 VKA589894 VTW589894 WDS589894 WNO589894 WXK589894 BC655430 KY655430 UU655430 AEQ655430 AOM655430 AYI655430 BIE655430 BSA655430 CBW655430 CLS655430 CVO655430 DFK655430 DPG655430 DZC655430 EIY655430 ESU655430 FCQ655430 FMM655430 FWI655430 GGE655430 GQA655430 GZW655430 HJS655430 HTO655430 IDK655430 ING655430 IXC655430 JGY655430 JQU655430 KAQ655430 KKM655430 KUI655430 LEE655430 LOA655430 LXW655430 MHS655430 MRO655430 NBK655430 NLG655430 NVC655430 OEY655430 OOU655430 OYQ655430 PIM655430 PSI655430 QCE655430 QMA655430 QVW655430 RFS655430 RPO655430 RZK655430 SJG655430 STC655430 TCY655430 TMU655430 TWQ655430 UGM655430 UQI655430 VAE655430 VKA655430 VTW655430 WDS655430 WNO655430 WXK655430 BC720966 KY720966 UU720966 AEQ720966 AOM720966 AYI720966 BIE720966 BSA720966 CBW720966 CLS720966 CVO720966 DFK720966 DPG720966 DZC720966 EIY720966 ESU720966 FCQ720966 FMM720966 FWI720966 GGE720966 GQA720966 GZW720966 HJS720966 HTO720966 IDK720966 ING720966 IXC720966 JGY720966 JQU720966 KAQ720966 KKM720966 KUI720966 LEE720966 LOA720966 LXW720966 MHS720966 MRO720966 NBK720966 NLG720966 NVC720966 OEY720966 OOU720966 OYQ720966 PIM720966 PSI720966 QCE720966 QMA720966 QVW720966 RFS720966 RPO720966 RZK720966 SJG720966 STC720966 TCY720966 TMU720966 TWQ720966 UGM720966 UQI720966 VAE720966 VKA720966 VTW720966 WDS720966 WNO720966 WXK720966 BC786502 KY786502 UU786502 AEQ786502 AOM786502 AYI786502 BIE786502 BSA786502 CBW786502 CLS786502 CVO786502 DFK786502 DPG786502 DZC786502 EIY786502 ESU786502 FCQ786502 FMM786502 FWI786502 GGE786502 GQA786502 GZW786502 HJS786502 HTO786502 IDK786502 ING786502 IXC786502 JGY786502 JQU786502 KAQ786502 KKM786502 KUI786502 LEE786502 LOA786502 LXW786502 MHS786502 MRO786502 NBK786502 NLG786502 NVC786502 OEY786502 OOU786502 OYQ786502 PIM786502 PSI786502 QCE786502 QMA786502 QVW786502 RFS786502 RPO786502 RZK786502 SJG786502 STC786502 TCY786502 TMU786502 TWQ786502 UGM786502 UQI786502 VAE786502 VKA786502 VTW786502 WDS786502 WNO786502 WXK786502 BC852038 KY852038 UU852038 AEQ852038 AOM852038 AYI852038 BIE852038 BSA852038 CBW852038 CLS852038 CVO852038 DFK852038 DPG852038 DZC852038 EIY852038 ESU852038 FCQ852038 FMM852038 FWI852038 GGE852038 GQA852038 GZW852038 HJS852038 HTO852038 IDK852038 ING852038 IXC852038 JGY852038 JQU852038 KAQ852038 KKM852038 KUI852038 LEE852038 LOA852038 LXW852038 MHS852038 MRO852038 NBK852038 NLG852038 NVC852038 OEY852038 OOU852038 OYQ852038 PIM852038 PSI852038 QCE852038 QMA852038 QVW852038 RFS852038 RPO852038 RZK852038 SJG852038 STC852038 TCY852038 TMU852038 TWQ852038 UGM852038 UQI852038 VAE852038 VKA852038 VTW852038 WDS852038 WNO852038 WXK852038 BC917574 KY917574 UU917574 AEQ917574 AOM917574 AYI917574 BIE917574 BSA917574 CBW917574 CLS917574 CVO917574 DFK917574 DPG917574 DZC917574 EIY917574 ESU917574 FCQ917574 FMM917574 FWI917574 GGE917574 GQA917574 GZW917574 HJS917574 HTO917574 IDK917574 ING917574 IXC917574 JGY917574 JQU917574 KAQ917574 KKM917574 KUI917574 LEE917574 LOA917574 LXW917574 MHS917574 MRO917574 NBK917574 NLG917574 NVC917574 OEY917574 OOU917574 OYQ917574 PIM917574 PSI917574 QCE917574 QMA917574 QVW917574 RFS917574 RPO917574 RZK917574 SJG917574 STC917574 TCY917574 TMU917574 TWQ917574 UGM917574 UQI917574 VAE917574 VKA917574 VTW917574 WDS917574 WNO917574 WXK917574 BC983110 KY983110 UU983110 AEQ983110 AOM983110 AYI983110 BIE983110 BSA983110 CBW983110 CLS983110 CVO983110 DFK983110 DPG983110 DZC983110 EIY983110 ESU983110 FCQ983110 FMM983110 FWI983110 GGE983110 GQA983110 GZW983110 HJS983110 HTO983110 IDK983110 ING983110 IXC983110 JGY983110 JQU983110 KAQ983110 KKM983110 KUI983110 LEE983110 LOA983110 LXW983110 MHS983110 MRO983110 NBK983110 NLG983110 NVC983110 OEY983110 OOU983110 OYQ983110 PIM983110 PSI983110 QCE983110 QMA983110 QVW983110 RFS983110 RPO983110 RZK983110 SJG983110 STC983110 TCY983110 TMU983110 TWQ983110 UGM983110 UQI983110 VAE983110 VKA983110 VTW983110 WDS983110 WNO983110 WXK983110" xr:uid="{00000000-0002-0000-0100-000017000000}"/>
    <dataValidation imeMode="halfAlpha" allowBlank="1" showInputMessage="1" showErrorMessage="1" promptTitle="担当者／E-mail／TEL／FAX" prompt="担当者の連絡先を記載してください。" sqref="AY27 KU27 UQ27 AEM27 AOI27 AYE27 BIA27 BRW27 CBS27 CLO27 CVK27 DFG27 DPC27 DYY27 EIU27 ESQ27 FCM27 FMI27 FWE27 GGA27 GPW27 GZS27 HJO27 HTK27 IDG27 INC27 IWY27 JGU27 JQQ27 KAM27 KKI27 KUE27 LEA27 LNW27 LXS27 MHO27 MRK27 NBG27 NLC27 NUY27 OEU27 OOQ27 OYM27 PII27 PSE27 QCA27 QLW27 QVS27 RFO27 RPK27 RZG27 SJC27 SSY27 TCU27 TMQ27 TWM27 UGI27 UQE27 VAA27 VJW27 VTS27 WDO27 WNK27 WXG27 AY65563 KU65563 UQ65563 AEM65563 AOI65563 AYE65563 BIA65563 BRW65563 CBS65563 CLO65563 CVK65563 DFG65563 DPC65563 DYY65563 EIU65563 ESQ65563 FCM65563 FMI65563 FWE65563 GGA65563 GPW65563 GZS65563 HJO65563 HTK65563 IDG65563 INC65563 IWY65563 JGU65563 JQQ65563 KAM65563 KKI65563 KUE65563 LEA65563 LNW65563 LXS65563 MHO65563 MRK65563 NBG65563 NLC65563 NUY65563 OEU65563 OOQ65563 OYM65563 PII65563 PSE65563 QCA65563 QLW65563 QVS65563 RFO65563 RPK65563 RZG65563 SJC65563 SSY65563 TCU65563 TMQ65563 TWM65563 UGI65563 UQE65563 VAA65563 VJW65563 VTS65563 WDO65563 WNK65563 WXG65563 AY131099 KU131099 UQ131099 AEM131099 AOI131099 AYE131099 BIA131099 BRW131099 CBS131099 CLO131099 CVK131099 DFG131099 DPC131099 DYY131099 EIU131099 ESQ131099 FCM131099 FMI131099 FWE131099 GGA131099 GPW131099 GZS131099 HJO131099 HTK131099 IDG131099 INC131099 IWY131099 JGU131099 JQQ131099 KAM131099 KKI131099 KUE131099 LEA131099 LNW131099 LXS131099 MHO131099 MRK131099 NBG131099 NLC131099 NUY131099 OEU131099 OOQ131099 OYM131099 PII131099 PSE131099 QCA131099 QLW131099 QVS131099 RFO131099 RPK131099 RZG131099 SJC131099 SSY131099 TCU131099 TMQ131099 TWM131099 UGI131099 UQE131099 VAA131099 VJW131099 VTS131099 WDO131099 WNK131099 WXG131099 AY196635 KU196635 UQ196635 AEM196635 AOI196635 AYE196635 BIA196635 BRW196635 CBS196635 CLO196635 CVK196635 DFG196635 DPC196635 DYY196635 EIU196635 ESQ196635 FCM196635 FMI196635 FWE196635 GGA196635 GPW196635 GZS196635 HJO196635 HTK196635 IDG196635 INC196635 IWY196635 JGU196635 JQQ196635 KAM196635 KKI196635 KUE196635 LEA196635 LNW196635 LXS196635 MHO196635 MRK196635 NBG196635 NLC196635 NUY196635 OEU196635 OOQ196635 OYM196635 PII196635 PSE196635 QCA196635 QLW196635 QVS196635 RFO196635 RPK196635 RZG196635 SJC196635 SSY196635 TCU196635 TMQ196635 TWM196635 UGI196635 UQE196635 VAA196635 VJW196635 VTS196635 WDO196635 WNK196635 WXG196635 AY262171 KU262171 UQ262171 AEM262171 AOI262171 AYE262171 BIA262171 BRW262171 CBS262171 CLO262171 CVK262171 DFG262171 DPC262171 DYY262171 EIU262171 ESQ262171 FCM262171 FMI262171 FWE262171 GGA262171 GPW262171 GZS262171 HJO262171 HTK262171 IDG262171 INC262171 IWY262171 JGU262171 JQQ262171 KAM262171 KKI262171 KUE262171 LEA262171 LNW262171 LXS262171 MHO262171 MRK262171 NBG262171 NLC262171 NUY262171 OEU262171 OOQ262171 OYM262171 PII262171 PSE262171 QCA262171 QLW262171 QVS262171 RFO262171 RPK262171 RZG262171 SJC262171 SSY262171 TCU262171 TMQ262171 TWM262171 UGI262171 UQE262171 VAA262171 VJW262171 VTS262171 WDO262171 WNK262171 WXG262171 AY327707 KU327707 UQ327707 AEM327707 AOI327707 AYE327707 BIA327707 BRW327707 CBS327707 CLO327707 CVK327707 DFG327707 DPC327707 DYY327707 EIU327707 ESQ327707 FCM327707 FMI327707 FWE327707 GGA327707 GPW327707 GZS327707 HJO327707 HTK327707 IDG327707 INC327707 IWY327707 JGU327707 JQQ327707 KAM327707 KKI327707 KUE327707 LEA327707 LNW327707 LXS327707 MHO327707 MRK327707 NBG327707 NLC327707 NUY327707 OEU327707 OOQ327707 OYM327707 PII327707 PSE327707 QCA327707 QLW327707 QVS327707 RFO327707 RPK327707 RZG327707 SJC327707 SSY327707 TCU327707 TMQ327707 TWM327707 UGI327707 UQE327707 VAA327707 VJW327707 VTS327707 WDO327707 WNK327707 WXG327707 AY393243 KU393243 UQ393243 AEM393243 AOI393243 AYE393243 BIA393243 BRW393243 CBS393243 CLO393243 CVK393243 DFG393243 DPC393243 DYY393243 EIU393243 ESQ393243 FCM393243 FMI393243 FWE393243 GGA393243 GPW393243 GZS393243 HJO393243 HTK393243 IDG393243 INC393243 IWY393243 JGU393243 JQQ393243 KAM393243 KKI393243 KUE393243 LEA393243 LNW393243 LXS393243 MHO393243 MRK393243 NBG393243 NLC393243 NUY393243 OEU393243 OOQ393243 OYM393243 PII393243 PSE393243 QCA393243 QLW393243 QVS393243 RFO393243 RPK393243 RZG393243 SJC393243 SSY393243 TCU393243 TMQ393243 TWM393243 UGI393243 UQE393243 VAA393243 VJW393243 VTS393243 WDO393243 WNK393243 WXG393243 AY458779 KU458779 UQ458779 AEM458779 AOI458779 AYE458779 BIA458779 BRW458779 CBS458779 CLO458779 CVK458779 DFG458779 DPC458779 DYY458779 EIU458779 ESQ458779 FCM458779 FMI458779 FWE458779 GGA458779 GPW458779 GZS458779 HJO458779 HTK458779 IDG458779 INC458779 IWY458779 JGU458779 JQQ458779 KAM458779 KKI458779 KUE458779 LEA458779 LNW458779 LXS458779 MHO458779 MRK458779 NBG458779 NLC458779 NUY458779 OEU458779 OOQ458779 OYM458779 PII458779 PSE458779 QCA458779 QLW458779 QVS458779 RFO458779 RPK458779 RZG458779 SJC458779 SSY458779 TCU458779 TMQ458779 TWM458779 UGI458779 UQE458779 VAA458779 VJW458779 VTS458779 WDO458779 WNK458779 WXG458779 AY524315 KU524315 UQ524315 AEM524315 AOI524315 AYE524315 BIA524315 BRW524315 CBS524315 CLO524315 CVK524315 DFG524315 DPC524315 DYY524315 EIU524315 ESQ524315 FCM524315 FMI524315 FWE524315 GGA524315 GPW524315 GZS524315 HJO524315 HTK524315 IDG524315 INC524315 IWY524315 JGU524315 JQQ524315 KAM524315 KKI524315 KUE524315 LEA524315 LNW524315 LXS524315 MHO524315 MRK524315 NBG524315 NLC524315 NUY524315 OEU524315 OOQ524315 OYM524315 PII524315 PSE524315 QCA524315 QLW524315 QVS524315 RFO524315 RPK524315 RZG524315 SJC524315 SSY524315 TCU524315 TMQ524315 TWM524315 UGI524315 UQE524315 VAA524315 VJW524315 VTS524315 WDO524315 WNK524315 WXG524315 AY589851 KU589851 UQ589851 AEM589851 AOI589851 AYE589851 BIA589851 BRW589851 CBS589851 CLO589851 CVK589851 DFG589851 DPC589851 DYY589851 EIU589851 ESQ589851 FCM589851 FMI589851 FWE589851 GGA589851 GPW589851 GZS589851 HJO589851 HTK589851 IDG589851 INC589851 IWY589851 JGU589851 JQQ589851 KAM589851 KKI589851 KUE589851 LEA589851 LNW589851 LXS589851 MHO589851 MRK589851 NBG589851 NLC589851 NUY589851 OEU589851 OOQ589851 OYM589851 PII589851 PSE589851 QCA589851 QLW589851 QVS589851 RFO589851 RPK589851 RZG589851 SJC589851 SSY589851 TCU589851 TMQ589851 TWM589851 UGI589851 UQE589851 VAA589851 VJW589851 VTS589851 WDO589851 WNK589851 WXG589851 AY655387 KU655387 UQ655387 AEM655387 AOI655387 AYE655387 BIA655387 BRW655387 CBS655387 CLO655387 CVK655387 DFG655387 DPC655387 DYY655387 EIU655387 ESQ655387 FCM655387 FMI655387 FWE655387 GGA655387 GPW655387 GZS655387 HJO655387 HTK655387 IDG655387 INC655387 IWY655387 JGU655387 JQQ655387 KAM655387 KKI655387 KUE655387 LEA655387 LNW655387 LXS655387 MHO655387 MRK655387 NBG655387 NLC655387 NUY655387 OEU655387 OOQ655387 OYM655387 PII655387 PSE655387 QCA655387 QLW655387 QVS655387 RFO655387 RPK655387 RZG655387 SJC655387 SSY655387 TCU655387 TMQ655387 TWM655387 UGI655387 UQE655387 VAA655387 VJW655387 VTS655387 WDO655387 WNK655387 WXG655387 AY720923 KU720923 UQ720923 AEM720923 AOI720923 AYE720923 BIA720923 BRW720923 CBS720923 CLO720923 CVK720923 DFG720923 DPC720923 DYY720923 EIU720923 ESQ720923 FCM720923 FMI720923 FWE720923 GGA720923 GPW720923 GZS720923 HJO720923 HTK720923 IDG720923 INC720923 IWY720923 JGU720923 JQQ720923 KAM720923 KKI720923 KUE720923 LEA720923 LNW720923 LXS720923 MHO720923 MRK720923 NBG720923 NLC720923 NUY720923 OEU720923 OOQ720923 OYM720923 PII720923 PSE720923 QCA720923 QLW720923 QVS720923 RFO720923 RPK720923 RZG720923 SJC720923 SSY720923 TCU720923 TMQ720923 TWM720923 UGI720923 UQE720923 VAA720923 VJW720923 VTS720923 WDO720923 WNK720923 WXG720923 AY786459 KU786459 UQ786459 AEM786459 AOI786459 AYE786459 BIA786459 BRW786459 CBS786459 CLO786459 CVK786459 DFG786459 DPC786459 DYY786459 EIU786459 ESQ786459 FCM786459 FMI786459 FWE786459 GGA786459 GPW786459 GZS786459 HJO786459 HTK786459 IDG786459 INC786459 IWY786459 JGU786459 JQQ786459 KAM786459 KKI786459 KUE786459 LEA786459 LNW786459 LXS786459 MHO786459 MRK786459 NBG786459 NLC786459 NUY786459 OEU786459 OOQ786459 OYM786459 PII786459 PSE786459 QCA786459 QLW786459 QVS786459 RFO786459 RPK786459 RZG786459 SJC786459 SSY786459 TCU786459 TMQ786459 TWM786459 UGI786459 UQE786459 VAA786459 VJW786459 VTS786459 WDO786459 WNK786459 WXG786459 AY851995 KU851995 UQ851995 AEM851995 AOI851995 AYE851995 BIA851995 BRW851995 CBS851995 CLO851995 CVK851995 DFG851995 DPC851995 DYY851995 EIU851995 ESQ851995 FCM851995 FMI851995 FWE851995 GGA851995 GPW851995 GZS851995 HJO851995 HTK851995 IDG851995 INC851995 IWY851995 JGU851995 JQQ851995 KAM851995 KKI851995 KUE851995 LEA851995 LNW851995 LXS851995 MHO851995 MRK851995 NBG851995 NLC851995 NUY851995 OEU851995 OOQ851995 OYM851995 PII851995 PSE851995 QCA851995 QLW851995 QVS851995 RFO851995 RPK851995 RZG851995 SJC851995 SSY851995 TCU851995 TMQ851995 TWM851995 UGI851995 UQE851995 VAA851995 VJW851995 VTS851995 WDO851995 WNK851995 WXG851995 AY917531 KU917531 UQ917531 AEM917531 AOI917531 AYE917531 BIA917531 BRW917531 CBS917531 CLO917531 CVK917531 DFG917531 DPC917531 DYY917531 EIU917531 ESQ917531 FCM917531 FMI917531 FWE917531 GGA917531 GPW917531 GZS917531 HJO917531 HTK917531 IDG917531 INC917531 IWY917531 JGU917531 JQQ917531 KAM917531 KKI917531 KUE917531 LEA917531 LNW917531 LXS917531 MHO917531 MRK917531 NBG917531 NLC917531 NUY917531 OEU917531 OOQ917531 OYM917531 PII917531 PSE917531 QCA917531 QLW917531 QVS917531 RFO917531 RPK917531 RZG917531 SJC917531 SSY917531 TCU917531 TMQ917531 TWM917531 UGI917531 UQE917531 VAA917531 VJW917531 VTS917531 WDO917531 WNK917531 WXG917531 AY983067 KU983067 UQ983067 AEM983067 AOI983067 AYE983067 BIA983067 BRW983067 CBS983067 CLO983067 CVK983067 DFG983067 DPC983067 DYY983067 EIU983067 ESQ983067 FCM983067 FMI983067 FWE983067 GGA983067 GPW983067 GZS983067 HJO983067 HTK983067 IDG983067 INC983067 IWY983067 JGU983067 JQQ983067 KAM983067 KKI983067 KUE983067 LEA983067 LNW983067 LXS983067 MHO983067 MRK983067 NBG983067 NLC983067 NUY983067 OEU983067 OOQ983067 OYM983067 PII983067 PSE983067 QCA983067 QLW983067 QVS983067 RFO983067 RPK983067 RZG983067 SJC983067 SSY983067 TCU983067 TMQ983067 TWM983067 UGI983067 UQE983067 VAA983067 VJW983067 VTS983067 WDO983067 WNK983067 WXG983067 AL27 KH27 UD27 ADZ27 ANV27 AXR27 BHN27 BRJ27 CBF27 CLB27 CUX27 DET27 DOP27 DYL27 EIH27 ESD27 FBZ27 FLV27 FVR27 GFN27 GPJ27 GZF27 HJB27 HSX27 ICT27 IMP27 IWL27 JGH27 JQD27 JZZ27 KJV27 KTR27 LDN27 LNJ27 LXF27 MHB27 MQX27 NAT27 NKP27 NUL27 OEH27 OOD27 OXZ27 PHV27 PRR27 QBN27 QLJ27 QVF27 RFB27 ROX27 RYT27 SIP27 SSL27 TCH27 TMD27 TVZ27 UFV27 UPR27 UZN27 VJJ27 VTF27 WDB27 WMX27 WWT27 AL65563 KH65563 UD65563 ADZ65563 ANV65563 AXR65563 BHN65563 BRJ65563 CBF65563 CLB65563 CUX65563 DET65563 DOP65563 DYL65563 EIH65563 ESD65563 FBZ65563 FLV65563 FVR65563 GFN65563 GPJ65563 GZF65563 HJB65563 HSX65563 ICT65563 IMP65563 IWL65563 JGH65563 JQD65563 JZZ65563 KJV65563 KTR65563 LDN65563 LNJ65563 LXF65563 MHB65563 MQX65563 NAT65563 NKP65563 NUL65563 OEH65563 OOD65563 OXZ65563 PHV65563 PRR65563 QBN65563 QLJ65563 QVF65563 RFB65563 ROX65563 RYT65563 SIP65563 SSL65563 TCH65563 TMD65563 TVZ65563 UFV65563 UPR65563 UZN65563 VJJ65563 VTF65563 WDB65563 WMX65563 WWT65563 AL131099 KH131099 UD131099 ADZ131099 ANV131099 AXR131099 BHN131099 BRJ131099 CBF131099 CLB131099 CUX131099 DET131099 DOP131099 DYL131099 EIH131099 ESD131099 FBZ131099 FLV131099 FVR131099 GFN131099 GPJ131099 GZF131099 HJB131099 HSX131099 ICT131099 IMP131099 IWL131099 JGH131099 JQD131099 JZZ131099 KJV131099 KTR131099 LDN131099 LNJ131099 LXF131099 MHB131099 MQX131099 NAT131099 NKP131099 NUL131099 OEH131099 OOD131099 OXZ131099 PHV131099 PRR131099 QBN131099 QLJ131099 QVF131099 RFB131099 ROX131099 RYT131099 SIP131099 SSL131099 TCH131099 TMD131099 TVZ131099 UFV131099 UPR131099 UZN131099 VJJ131099 VTF131099 WDB131099 WMX131099 WWT131099 AL196635 KH196635 UD196635 ADZ196635 ANV196635 AXR196635 BHN196635 BRJ196635 CBF196635 CLB196635 CUX196635 DET196635 DOP196635 DYL196635 EIH196635 ESD196635 FBZ196635 FLV196635 FVR196635 GFN196635 GPJ196635 GZF196635 HJB196635 HSX196635 ICT196635 IMP196635 IWL196635 JGH196635 JQD196635 JZZ196635 KJV196635 KTR196635 LDN196635 LNJ196635 LXF196635 MHB196635 MQX196635 NAT196635 NKP196635 NUL196635 OEH196635 OOD196635 OXZ196635 PHV196635 PRR196635 QBN196635 QLJ196635 QVF196635 RFB196635 ROX196635 RYT196635 SIP196635 SSL196635 TCH196635 TMD196635 TVZ196635 UFV196635 UPR196635 UZN196635 VJJ196635 VTF196635 WDB196635 WMX196635 WWT196635 AL262171 KH262171 UD262171 ADZ262171 ANV262171 AXR262171 BHN262171 BRJ262171 CBF262171 CLB262171 CUX262171 DET262171 DOP262171 DYL262171 EIH262171 ESD262171 FBZ262171 FLV262171 FVR262171 GFN262171 GPJ262171 GZF262171 HJB262171 HSX262171 ICT262171 IMP262171 IWL262171 JGH262171 JQD262171 JZZ262171 KJV262171 KTR262171 LDN262171 LNJ262171 LXF262171 MHB262171 MQX262171 NAT262171 NKP262171 NUL262171 OEH262171 OOD262171 OXZ262171 PHV262171 PRR262171 QBN262171 QLJ262171 QVF262171 RFB262171 ROX262171 RYT262171 SIP262171 SSL262171 TCH262171 TMD262171 TVZ262171 UFV262171 UPR262171 UZN262171 VJJ262171 VTF262171 WDB262171 WMX262171 WWT262171 AL327707 KH327707 UD327707 ADZ327707 ANV327707 AXR327707 BHN327707 BRJ327707 CBF327707 CLB327707 CUX327707 DET327707 DOP327707 DYL327707 EIH327707 ESD327707 FBZ327707 FLV327707 FVR327707 GFN327707 GPJ327707 GZF327707 HJB327707 HSX327707 ICT327707 IMP327707 IWL327707 JGH327707 JQD327707 JZZ327707 KJV327707 KTR327707 LDN327707 LNJ327707 LXF327707 MHB327707 MQX327707 NAT327707 NKP327707 NUL327707 OEH327707 OOD327707 OXZ327707 PHV327707 PRR327707 QBN327707 QLJ327707 QVF327707 RFB327707 ROX327707 RYT327707 SIP327707 SSL327707 TCH327707 TMD327707 TVZ327707 UFV327707 UPR327707 UZN327707 VJJ327707 VTF327707 WDB327707 WMX327707 WWT327707 AL393243 KH393243 UD393243 ADZ393243 ANV393243 AXR393243 BHN393243 BRJ393243 CBF393243 CLB393243 CUX393243 DET393243 DOP393243 DYL393243 EIH393243 ESD393243 FBZ393243 FLV393243 FVR393243 GFN393243 GPJ393243 GZF393243 HJB393243 HSX393243 ICT393243 IMP393243 IWL393243 JGH393243 JQD393243 JZZ393243 KJV393243 KTR393243 LDN393243 LNJ393243 LXF393243 MHB393243 MQX393243 NAT393243 NKP393243 NUL393243 OEH393243 OOD393243 OXZ393243 PHV393243 PRR393243 QBN393243 QLJ393243 QVF393243 RFB393243 ROX393243 RYT393243 SIP393243 SSL393243 TCH393243 TMD393243 TVZ393243 UFV393243 UPR393243 UZN393243 VJJ393243 VTF393243 WDB393243 WMX393243 WWT393243 AL458779 KH458779 UD458779 ADZ458779 ANV458779 AXR458779 BHN458779 BRJ458779 CBF458779 CLB458779 CUX458779 DET458779 DOP458779 DYL458779 EIH458779 ESD458779 FBZ458779 FLV458779 FVR458779 GFN458779 GPJ458779 GZF458779 HJB458779 HSX458779 ICT458779 IMP458779 IWL458779 JGH458779 JQD458779 JZZ458779 KJV458779 KTR458779 LDN458779 LNJ458779 LXF458779 MHB458779 MQX458779 NAT458779 NKP458779 NUL458779 OEH458779 OOD458779 OXZ458779 PHV458779 PRR458779 QBN458779 QLJ458779 QVF458779 RFB458779 ROX458779 RYT458779 SIP458779 SSL458779 TCH458779 TMD458779 TVZ458779 UFV458779 UPR458779 UZN458779 VJJ458779 VTF458779 WDB458779 WMX458779 WWT458779 AL524315 KH524315 UD524315 ADZ524315 ANV524315 AXR524315 BHN524315 BRJ524315 CBF524315 CLB524315 CUX524315 DET524315 DOP524315 DYL524315 EIH524315 ESD524315 FBZ524315 FLV524315 FVR524315 GFN524315 GPJ524315 GZF524315 HJB524315 HSX524315 ICT524315 IMP524315 IWL524315 JGH524315 JQD524315 JZZ524315 KJV524315 KTR524315 LDN524315 LNJ524315 LXF524315 MHB524315 MQX524315 NAT524315 NKP524315 NUL524315 OEH524315 OOD524315 OXZ524315 PHV524315 PRR524315 QBN524315 QLJ524315 QVF524315 RFB524315 ROX524315 RYT524315 SIP524315 SSL524315 TCH524315 TMD524315 TVZ524315 UFV524315 UPR524315 UZN524315 VJJ524315 VTF524315 WDB524315 WMX524315 WWT524315 AL589851 KH589851 UD589851 ADZ589851 ANV589851 AXR589851 BHN589851 BRJ589851 CBF589851 CLB589851 CUX589851 DET589851 DOP589851 DYL589851 EIH589851 ESD589851 FBZ589851 FLV589851 FVR589851 GFN589851 GPJ589851 GZF589851 HJB589851 HSX589851 ICT589851 IMP589851 IWL589851 JGH589851 JQD589851 JZZ589851 KJV589851 KTR589851 LDN589851 LNJ589851 LXF589851 MHB589851 MQX589851 NAT589851 NKP589851 NUL589851 OEH589851 OOD589851 OXZ589851 PHV589851 PRR589851 QBN589851 QLJ589851 QVF589851 RFB589851 ROX589851 RYT589851 SIP589851 SSL589851 TCH589851 TMD589851 TVZ589851 UFV589851 UPR589851 UZN589851 VJJ589851 VTF589851 WDB589851 WMX589851 WWT589851 AL655387 KH655387 UD655387 ADZ655387 ANV655387 AXR655387 BHN655387 BRJ655387 CBF655387 CLB655387 CUX655387 DET655387 DOP655387 DYL655387 EIH655387 ESD655387 FBZ655387 FLV655387 FVR655387 GFN655387 GPJ655387 GZF655387 HJB655387 HSX655387 ICT655387 IMP655387 IWL655387 JGH655387 JQD655387 JZZ655387 KJV655387 KTR655387 LDN655387 LNJ655387 LXF655387 MHB655387 MQX655387 NAT655387 NKP655387 NUL655387 OEH655387 OOD655387 OXZ655387 PHV655387 PRR655387 QBN655387 QLJ655387 QVF655387 RFB655387 ROX655387 RYT655387 SIP655387 SSL655387 TCH655387 TMD655387 TVZ655387 UFV655387 UPR655387 UZN655387 VJJ655387 VTF655387 WDB655387 WMX655387 WWT655387 AL720923 KH720923 UD720923 ADZ720923 ANV720923 AXR720923 BHN720923 BRJ720923 CBF720923 CLB720923 CUX720923 DET720923 DOP720923 DYL720923 EIH720923 ESD720923 FBZ720923 FLV720923 FVR720923 GFN720923 GPJ720923 GZF720923 HJB720923 HSX720923 ICT720923 IMP720923 IWL720923 JGH720923 JQD720923 JZZ720923 KJV720923 KTR720923 LDN720923 LNJ720923 LXF720923 MHB720923 MQX720923 NAT720923 NKP720923 NUL720923 OEH720923 OOD720923 OXZ720923 PHV720923 PRR720923 QBN720923 QLJ720923 QVF720923 RFB720923 ROX720923 RYT720923 SIP720923 SSL720923 TCH720923 TMD720923 TVZ720923 UFV720923 UPR720923 UZN720923 VJJ720923 VTF720923 WDB720923 WMX720923 WWT720923 AL786459 KH786459 UD786459 ADZ786459 ANV786459 AXR786459 BHN786459 BRJ786459 CBF786459 CLB786459 CUX786459 DET786459 DOP786459 DYL786459 EIH786459 ESD786459 FBZ786459 FLV786459 FVR786459 GFN786459 GPJ786459 GZF786459 HJB786459 HSX786459 ICT786459 IMP786459 IWL786459 JGH786459 JQD786459 JZZ786459 KJV786459 KTR786459 LDN786459 LNJ786459 LXF786459 MHB786459 MQX786459 NAT786459 NKP786459 NUL786459 OEH786459 OOD786459 OXZ786459 PHV786459 PRR786459 QBN786459 QLJ786459 QVF786459 RFB786459 ROX786459 RYT786459 SIP786459 SSL786459 TCH786459 TMD786459 TVZ786459 UFV786459 UPR786459 UZN786459 VJJ786459 VTF786459 WDB786459 WMX786459 WWT786459 AL851995 KH851995 UD851995 ADZ851995 ANV851995 AXR851995 BHN851995 BRJ851995 CBF851995 CLB851995 CUX851995 DET851995 DOP851995 DYL851995 EIH851995 ESD851995 FBZ851995 FLV851995 FVR851995 GFN851995 GPJ851995 GZF851995 HJB851995 HSX851995 ICT851995 IMP851995 IWL851995 JGH851995 JQD851995 JZZ851995 KJV851995 KTR851995 LDN851995 LNJ851995 LXF851995 MHB851995 MQX851995 NAT851995 NKP851995 NUL851995 OEH851995 OOD851995 OXZ851995 PHV851995 PRR851995 QBN851995 QLJ851995 QVF851995 RFB851995 ROX851995 RYT851995 SIP851995 SSL851995 TCH851995 TMD851995 TVZ851995 UFV851995 UPR851995 UZN851995 VJJ851995 VTF851995 WDB851995 WMX851995 WWT851995 AL917531 KH917531 UD917531 ADZ917531 ANV917531 AXR917531 BHN917531 BRJ917531 CBF917531 CLB917531 CUX917531 DET917531 DOP917531 DYL917531 EIH917531 ESD917531 FBZ917531 FLV917531 FVR917531 GFN917531 GPJ917531 GZF917531 HJB917531 HSX917531 ICT917531 IMP917531 IWL917531 JGH917531 JQD917531 JZZ917531 KJV917531 KTR917531 LDN917531 LNJ917531 LXF917531 MHB917531 MQX917531 NAT917531 NKP917531 NUL917531 OEH917531 OOD917531 OXZ917531 PHV917531 PRR917531 QBN917531 QLJ917531 QVF917531 RFB917531 ROX917531 RYT917531 SIP917531 SSL917531 TCH917531 TMD917531 TVZ917531 UFV917531 UPR917531 UZN917531 VJJ917531 VTF917531 WDB917531 WMX917531 WWT917531 AL983067 KH983067 UD983067 ADZ983067 ANV983067 AXR983067 BHN983067 BRJ983067 CBF983067 CLB983067 CUX983067 DET983067 DOP983067 DYL983067 EIH983067 ESD983067 FBZ983067 FLV983067 FVR983067 GFN983067 GPJ983067 GZF983067 HJB983067 HSX983067 ICT983067 IMP983067 IWL983067 JGH983067 JQD983067 JZZ983067 KJV983067 KTR983067 LDN983067 LNJ983067 LXF983067 MHB983067 MQX983067 NAT983067 NKP983067 NUL983067 OEH983067 OOD983067 OXZ983067 PHV983067 PRR983067 QBN983067 QLJ983067 QVF983067 RFB983067 ROX983067 RYT983067 SIP983067 SSL983067 TCH983067 TMD983067 TVZ983067 UFV983067 UPR983067 UZN983067 VJJ983067 VTF983067 WDB983067 WMX983067 WWT983067" xr:uid="{00000000-0002-0000-0100-000018000000}"/>
    <dataValidation imeMode="off" allowBlank="1" showInputMessage="1" showErrorMessage="1" promptTitle="担当者／E-mail／TEL／FAX" prompt="担当者の連絡先を記載してください。" sqref="AY25 KU25 UQ25 AEM25 AOI25 AYE25 BIA25 BRW25 CBS25 CLO25 CVK25 DFG25 DPC25 DYY25 EIU25 ESQ25 FCM25 FMI25 FWE25 GGA25 GPW25 GZS25 HJO25 HTK25 IDG25 INC25 IWY25 JGU25 JQQ25 KAM25 KKI25 KUE25 LEA25 LNW25 LXS25 MHO25 MRK25 NBG25 NLC25 NUY25 OEU25 OOQ25 OYM25 PII25 PSE25 QCA25 QLW25 QVS25 RFO25 RPK25 RZG25 SJC25 SSY25 TCU25 TMQ25 TWM25 UGI25 UQE25 VAA25 VJW25 VTS25 WDO25 WNK25 WXG25 AY65561 KU65561 UQ65561 AEM65561 AOI65561 AYE65561 BIA65561 BRW65561 CBS65561 CLO65561 CVK65561 DFG65561 DPC65561 DYY65561 EIU65561 ESQ65561 FCM65561 FMI65561 FWE65561 GGA65561 GPW65561 GZS65561 HJO65561 HTK65561 IDG65561 INC65561 IWY65561 JGU65561 JQQ65561 KAM65561 KKI65561 KUE65561 LEA65561 LNW65561 LXS65561 MHO65561 MRK65561 NBG65561 NLC65561 NUY65561 OEU65561 OOQ65561 OYM65561 PII65561 PSE65561 QCA65561 QLW65561 QVS65561 RFO65561 RPK65561 RZG65561 SJC65561 SSY65561 TCU65561 TMQ65561 TWM65561 UGI65561 UQE65561 VAA65561 VJW65561 VTS65561 WDO65561 WNK65561 WXG65561 AY131097 KU131097 UQ131097 AEM131097 AOI131097 AYE131097 BIA131097 BRW131097 CBS131097 CLO131097 CVK131097 DFG131097 DPC131097 DYY131097 EIU131097 ESQ131097 FCM131097 FMI131097 FWE131097 GGA131097 GPW131097 GZS131097 HJO131097 HTK131097 IDG131097 INC131097 IWY131097 JGU131097 JQQ131097 KAM131097 KKI131097 KUE131097 LEA131097 LNW131097 LXS131097 MHO131097 MRK131097 NBG131097 NLC131097 NUY131097 OEU131097 OOQ131097 OYM131097 PII131097 PSE131097 QCA131097 QLW131097 QVS131097 RFO131097 RPK131097 RZG131097 SJC131097 SSY131097 TCU131097 TMQ131097 TWM131097 UGI131097 UQE131097 VAA131097 VJW131097 VTS131097 WDO131097 WNK131097 WXG131097 AY196633 KU196633 UQ196633 AEM196633 AOI196633 AYE196633 BIA196633 BRW196633 CBS196633 CLO196633 CVK196633 DFG196633 DPC196633 DYY196633 EIU196633 ESQ196633 FCM196633 FMI196633 FWE196633 GGA196633 GPW196633 GZS196633 HJO196633 HTK196633 IDG196633 INC196633 IWY196633 JGU196633 JQQ196633 KAM196633 KKI196633 KUE196633 LEA196633 LNW196633 LXS196633 MHO196633 MRK196633 NBG196633 NLC196633 NUY196633 OEU196633 OOQ196633 OYM196633 PII196633 PSE196633 QCA196633 QLW196633 QVS196633 RFO196633 RPK196633 RZG196633 SJC196633 SSY196633 TCU196633 TMQ196633 TWM196633 UGI196633 UQE196633 VAA196633 VJW196633 VTS196633 WDO196633 WNK196633 WXG196633 AY262169 KU262169 UQ262169 AEM262169 AOI262169 AYE262169 BIA262169 BRW262169 CBS262169 CLO262169 CVK262169 DFG262169 DPC262169 DYY262169 EIU262169 ESQ262169 FCM262169 FMI262169 FWE262169 GGA262169 GPW262169 GZS262169 HJO262169 HTK262169 IDG262169 INC262169 IWY262169 JGU262169 JQQ262169 KAM262169 KKI262169 KUE262169 LEA262169 LNW262169 LXS262169 MHO262169 MRK262169 NBG262169 NLC262169 NUY262169 OEU262169 OOQ262169 OYM262169 PII262169 PSE262169 QCA262169 QLW262169 QVS262169 RFO262169 RPK262169 RZG262169 SJC262169 SSY262169 TCU262169 TMQ262169 TWM262169 UGI262169 UQE262169 VAA262169 VJW262169 VTS262169 WDO262169 WNK262169 WXG262169 AY327705 KU327705 UQ327705 AEM327705 AOI327705 AYE327705 BIA327705 BRW327705 CBS327705 CLO327705 CVK327705 DFG327705 DPC327705 DYY327705 EIU327705 ESQ327705 FCM327705 FMI327705 FWE327705 GGA327705 GPW327705 GZS327705 HJO327705 HTK327705 IDG327705 INC327705 IWY327705 JGU327705 JQQ327705 KAM327705 KKI327705 KUE327705 LEA327705 LNW327705 LXS327705 MHO327705 MRK327705 NBG327705 NLC327705 NUY327705 OEU327705 OOQ327705 OYM327705 PII327705 PSE327705 QCA327705 QLW327705 QVS327705 RFO327705 RPK327705 RZG327705 SJC327705 SSY327705 TCU327705 TMQ327705 TWM327705 UGI327705 UQE327705 VAA327705 VJW327705 VTS327705 WDO327705 WNK327705 WXG327705 AY393241 KU393241 UQ393241 AEM393241 AOI393241 AYE393241 BIA393241 BRW393241 CBS393241 CLO393241 CVK393241 DFG393241 DPC393241 DYY393241 EIU393241 ESQ393241 FCM393241 FMI393241 FWE393241 GGA393241 GPW393241 GZS393241 HJO393241 HTK393241 IDG393241 INC393241 IWY393241 JGU393241 JQQ393241 KAM393241 KKI393241 KUE393241 LEA393241 LNW393241 LXS393241 MHO393241 MRK393241 NBG393241 NLC393241 NUY393241 OEU393241 OOQ393241 OYM393241 PII393241 PSE393241 QCA393241 QLW393241 QVS393241 RFO393241 RPK393241 RZG393241 SJC393241 SSY393241 TCU393241 TMQ393241 TWM393241 UGI393241 UQE393241 VAA393241 VJW393241 VTS393241 WDO393241 WNK393241 WXG393241 AY458777 KU458777 UQ458777 AEM458777 AOI458777 AYE458777 BIA458777 BRW458777 CBS458777 CLO458777 CVK458777 DFG458777 DPC458777 DYY458777 EIU458777 ESQ458777 FCM458777 FMI458777 FWE458777 GGA458777 GPW458777 GZS458777 HJO458777 HTK458777 IDG458777 INC458777 IWY458777 JGU458777 JQQ458777 KAM458777 KKI458777 KUE458777 LEA458777 LNW458777 LXS458777 MHO458777 MRK458777 NBG458777 NLC458777 NUY458777 OEU458777 OOQ458777 OYM458777 PII458777 PSE458777 QCA458777 QLW458777 QVS458777 RFO458777 RPK458777 RZG458777 SJC458777 SSY458777 TCU458777 TMQ458777 TWM458777 UGI458777 UQE458777 VAA458777 VJW458777 VTS458777 WDO458777 WNK458777 WXG458777 AY524313 KU524313 UQ524313 AEM524313 AOI524313 AYE524313 BIA524313 BRW524313 CBS524313 CLO524313 CVK524313 DFG524313 DPC524313 DYY524313 EIU524313 ESQ524313 FCM524313 FMI524313 FWE524313 GGA524313 GPW524313 GZS524313 HJO524313 HTK524313 IDG524313 INC524313 IWY524313 JGU524313 JQQ524313 KAM524313 KKI524313 KUE524313 LEA524313 LNW524313 LXS524313 MHO524313 MRK524313 NBG524313 NLC524313 NUY524313 OEU524313 OOQ524313 OYM524313 PII524313 PSE524313 QCA524313 QLW524313 QVS524313 RFO524313 RPK524313 RZG524313 SJC524313 SSY524313 TCU524313 TMQ524313 TWM524313 UGI524313 UQE524313 VAA524313 VJW524313 VTS524313 WDO524313 WNK524313 WXG524313 AY589849 KU589849 UQ589849 AEM589849 AOI589849 AYE589849 BIA589849 BRW589849 CBS589849 CLO589849 CVK589849 DFG589849 DPC589849 DYY589849 EIU589849 ESQ589849 FCM589849 FMI589849 FWE589849 GGA589849 GPW589849 GZS589849 HJO589849 HTK589849 IDG589849 INC589849 IWY589849 JGU589849 JQQ589849 KAM589849 KKI589849 KUE589849 LEA589849 LNW589849 LXS589849 MHO589849 MRK589849 NBG589849 NLC589849 NUY589849 OEU589849 OOQ589849 OYM589849 PII589849 PSE589849 QCA589849 QLW589849 QVS589849 RFO589849 RPK589849 RZG589849 SJC589849 SSY589849 TCU589849 TMQ589849 TWM589849 UGI589849 UQE589849 VAA589849 VJW589849 VTS589849 WDO589849 WNK589849 WXG589849 AY655385 KU655385 UQ655385 AEM655385 AOI655385 AYE655385 BIA655385 BRW655385 CBS655385 CLO655385 CVK655385 DFG655385 DPC655385 DYY655385 EIU655385 ESQ655385 FCM655385 FMI655385 FWE655385 GGA655385 GPW655385 GZS655385 HJO655385 HTK655385 IDG655385 INC655385 IWY655385 JGU655385 JQQ655385 KAM655385 KKI655385 KUE655385 LEA655385 LNW655385 LXS655385 MHO655385 MRK655385 NBG655385 NLC655385 NUY655385 OEU655385 OOQ655385 OYM655385 PII655385 PSE655385 QCA655385 QLW655385 QVS655385 RFO655385 RPK655385 RZG655385 SJC655385 SSY655385 TCU655385 TMQ655385 TWM655385 UGI655385 UQE655385 VAA655385 VJW655385 VTS655385 WDO655385 WNK655385 WXG655385 AY720921 KU720921 UQ720921 AEM720921 AOI720921 AYE720921 BIA720921 BRW720921 CBS720921 CLO720921 CVK720921 DFG720921 DPC720921 DYY720921 EIU720921 ESQ720921 FCM720921 FMI720921 FWE720921 GGA720921 GPW720921 GZS720921 HJO720921 HTK720921 IDG720921 INC720921 IWY720921 JGU720921 JQQ720921 KAM720921 KKI720921 KUE720921 LEA720921 LNW720921 LXS720921 MHO720921 MRK720921 NBG720921 NLC720921 NUY720921 OEU720921 OOQ720921 OYM720921 PII720921 PSE720921 QCA720921 QLW720921 QVS720921 RFO720921 RPK720921 RZG720921 SJC720921 SSY720921 TCU720921 TMQ720921 TWM720921 UGI720921 UQE720921 VAA720921 VJW720921 VTS720921 WDO720921 WNK720921 WXG720921 AY786457 KU786457 UQ786457 AEM786457 AOI786457 AYE786457 BIA786457 BRW786457 CBS786457 CLO786457 CVK786457 DFG786457 DPC786457 DYY786457 EIU786457 ESQ786457 FCM786457 FMI786457 FWE786457 GGA786457 GPW786457 GZS786457 HJO786457 HTK786457 IDG786457 INC786457 IWY786457 JGU786457 JQQ786457 KAM786457 KKI786457 KUE786457 LEA786457 LNW786457 LXS786457 MHO786457 MRK786457 NBG786457 NLC786457 NUY786457 OEU786457 OOQ786457 OYM786457 PII786457 PSE786457 QCA786457 QLW786457 QVS786457 RFO786457 RPK786457 RZG786457 SJC786457 SSY786457 TCU786457 TMQ786457 TWM786457 UGI786457 UQE786457 VAA786457 VJW786457 VTS786457 WDO786457 WNK786457 WXG786457 AY851993 KU851993 UQ851993 AEM851993 AOI851993 AYE851993 BIA851993 BRW851993 CBS851993 CLO851993 CVK851993 DFG851993 DPC851993 DYY851993 EIU851993 ESQ851993 FCM851993 FMI851993 FWE851993 GGA851993 GPW851993 GZS851993 HJO851993 HTK851993 IDG851993 INC851993 IWY851993 JGU851993 JQQ851993 KAM851993 KKI851993 KUE851993 LEA851993 LNW851993 LXS851993 MHO851993 MRK851993 NBG851993 NLC851993 NUY851993 OEU851993 OOQ851993 OYM851993 PII851993 PSE851993 QCA851993 QLW851993 QVS851993 RFO851993 RPK851993 RZG851993 SJC851993 SSY851993 TCU851993 TMQ851993 TWM851993 UGI851993 UQE851993 VAA851993 VJW851993 VTS851993 WDO851993 WNK851993 WXG851993 AY917529 KU917529 UQ917529 AEM917529 AOI917529 AYE917529 BIA917529 BRW917529 CBS917529 CLO917529 CVK917529 DFG917529 DPC917529 DYY917529 EIU917529 ESQ917529 FCM917529 FMI917529 FWE917529 GGA917529 GPW917529 GZS917529 HJO917529 HTK917529 IDG917529 INC917529 IWY917529 JGU917529 JQQ917529 KAM917529 KKI917529 KUE917529 LEA917529 LNW917529 LXS917529 MHO917529 MRK917529 NBG917529 NLC917529 NUY917529 OEU917529 OOQ917529 OYM917529 PII917529 PSE917529 QCA917529 QLW917529 QVS917529 RFO917529 RPK917529 RZG917529 SJC917529 SSY917529 TCU917529 TMQ917529 TWM917529 UGI917529 UQE917529 VAA917529 VJW917529 VTS917529 WDO917529 WNK917529 WXG917529 AY983065 KU983065 UQ983065 AEM983065 AOI983065 AYE983065 BIA983065 BRW983065 CBS983065 CLO983065 CVK983065 DFG983065 DPC983065 DYY983065 EIU983065 ESQ983065 FCM983065 FMI983065 FWE983065 GGA983065 GPW983065 GZS983065 HJO983065 HTK983065 IDG983065 INC983065 IWY983065 JGU983065 JQQ983065 KAM983065 KKI983065 KUE983065 LEA983065 LNW983065 LXS983065 MHO983065 MRK983065 NBG983065 NLC983065 NUY983065 OEU983065 OOQ983065 OYM983065 PII983065 PSE983065 QCA983065 QLW983065 QVS983065 RFO983065 RPK983065 RZG983065 SJC983065 SSY983065 TCU983065 TMQ983065 TWM983065 UGI983065 UQE983065 VAA983065 VJW983065 VTS983065 WDO983065 WNK983065 WXG983065" xr:uid="{00000000-0002-0000-0100-000019000000}"/>
    <dataValidation allowBlank="1" showInputMessage="1" showErrorMessage="1" promptTitle="危機管理体制" prompt="緊急時（事件及び事故発生時）における、社内体制やお客様とのコミュニケーション方法の取り決め等について示してください。_x000a_・担当者　・緊急時における担当者名" sqref="AT70 KP70 UL70 AEH70 AOD70 AXZ70 BHV70 BRR70 CBN70 CLJ70 CVF70 DFB70 DOX70 DYT70 EIP70 ESL70 FCH70 FMD70 FVZ70 GFV70 GPR70 GZN70 HJJ70 HTF70 IDB70 IMX70 IWT70 JGP70 JQL70 KAH70 KKD70 KTZ70 LDV70 LNR70 LXN70 MHJ70 MRF70 NBB70 NKX70 NUT70 OEP70 OOL70 OYH70 PID70 PRZ70 QBV70 QLR70 QVN70 RFJ70 RPF70 RZB70 SIX70 SST70 TCP70 TML70 TWH70 UGD70 UPZ70 UZV70 VJR70 VTN70 WDJ70 WNF70 WXB70 AT65606 KP65606 UL65606 AEH65606 AOD65606 AXZ65606 BHV65606 BRR65606 CBN65606 CLJ65606 CVF65606 DFB65606 DOX65606 DYT65606 EIP65606 ESL65606 FCH65606 FMD65606 FVZ65606 GFV65606 GPR65606 GZN65606 HJJ65606 HTF65606 IDB65606 IMX65606 IWT65606 JGP65606 JQL65606 KAH65606 KKD65606 KTZ65606 LDV65606 LNR65606 LXN65606 MHJ65606 MRF65606 NBB65606 NKX65606 NUT65606 OEP65606 OOL65606 OYH65606 PID65606 PRZ65606 QBV65606 QLR65606 QVN65606 RFJ65606 RPF65606 RZB65606 SIX65606 SST65606 TCP65606 TML65606 TWH65606 UGD65606 UPZ65606 UZV65606 VJR65606 VTN65606 WDJ65606 WNF65606 WXB65606 AT131142 KP131142 UL131142 AEH131142 AOD131142 AXZ131142 BHV131142 BRR131142 CBN131142 CLJ131142 CVF131142 DFB131142 DOX131142 DYT131142 EIP131142 ESL131142 FCH131142 FMD131142 FVZ131142 GFV131142 GPR131142 GZN131142 HJJ131142 HTF131142 IDB131142 IMX131142 IWT131142 JGP131142 JQL131142 KAH131142 KKD131142 KTZ131142 LDV131142 LNR131142 LXN131142 MHJ131142 MRF131142 NBB131142 NKX131142 NUT131142 OEP131142 OOL131142 OYH131142 PID131142 PRZ131142 QBV131142 QLR131142 QVN131142 RFJ131142 RPF131142 RZB131142 SIX131142 SST131142 TCP131142 TML131142 TWH131142 UGD131142 UPZ131142 UZV131142 VJR131142 VTN131142 WDJ131142 WNF131142 WXB131142 AT196678 KP196678 UL196678 AEH196678 AOD196678 AXZ196678 BHV196678 BRR196678 CBN196678 CLJ196678 CVF196678 DFB196678 DOX196678 DYT196678 EIP196678 ESL196678 FCH196678 FMD196678 FVZ196678 GFV196678 GPR196678 GZN196678 HJJ196678 HTF196678 IDB196678 IMX196678 IWT196678 JGP196678 JQL196678 KAH196678 KKD196678 KTZ196678 LDV196678 LNR196678 LXN196678 MHJ196678 MRF196678 NBB196678 NKX196678 NUT196678 OEP196678 OOL196678 OYH196678 PID196678 PRZ196678 QBV196678 QLR196678 QVN196678 RFJ196678 RPF196678 RZB196678 SIX196678 SST196678 TCP196678 TML196678 TWH196678 UGD196678 UPZ196678 UZV196678 VJR196678 VTN196678 WDJ196678 WNF196678 WXB196678 AT262214 KP262214 UL262214 AEH262214 AOD262214 AXZ262214 BHV262214 BRR262214 CBN262214 CLJ262214 CVF262214 DFB262214 DOX262214 DYT262214 EIP262214 ESL262214 FCH262214 FMD262214 FVZ262214 GFV262214 GPR262214 GZN262214 HJJ262214 HTF262214 IDB262214 IMX262214 IWT262214 JGP262214 JQL262214 KAH262214 KKD262214 KTZ262214 LDV262214 LNR262214 LXN262214 MHJ262214 MRF262214 NBB262214 NKX262214 NUT262214 OEP262214 OOL262214 OYH262214 PID262214 PRZ262214 QBV262214 QLR262214 QVN262214 RFJ262214 RPF262214 RZB262214 SIX262214 SST262214 TCP262214 TML262214 TWH262214 UGD262214 UPZ262214 UZV262214 VJR262214 VTN262214 WDJ262214 WNF262214 WXB262214 AT327750 KP327750 UL327750 AEH327750 AOD327750 AXZ327750 BHV327750 BRR327750 CBN327750 CLJ327750 CVF327750 DFB327750 DOX327750 DYT327750 EIP327750 ESL327750 FCH327750 FMD327750 FVZ327750 GFV327750 GPR327750 GZN327750 HJJ327750 HTF327750 IDB327750 IMX327750 IWT327750 JGP327750 JQL327750 KAH327750 KKD327750 KTZ327750 LDV327750 LNR327750 LXN327750 MHJ327750 MRF327750 NBB327750 NKX327750 NUT327750 OEP327750 OOL327750 OYH327750 PID327750 PRZ327750 QBV327750 QLR327750 QVN327750 RFJ327750 RPF327750 RZB327750 SIX327750 SST327750 TCP327750 TML327750 TWH327750 UGD327750 UPZ327750 UZV327750 VJR327750 VTN327750 WDJ327750 WNF327750 WXB327750 AT393286 KP393286 UL393286 AEH393286 AOD393286 AXZ393286 BHV393286 BRR393286 CBN393286 CLJ393286 CVF393286 DFB393286 DOX393286 DYT393286 EIP393286 ESL393286 FCH393286 FMD393286 FVZ393286 GFV393286 GPR393286 GZN393286 HJJ393286 HTF393286 IDB393286 IMX393286 IWT393286 JGP393286 JQL393286 KAH393286 KKD393286 KTZ393286 LDV393286 LNR393286 LXN393286 MHJ393286 MRF393286 NBB393286 NKX393286 NUT393286 OEP393286 OOL393286 OYH393286 PID393286 PRZ393286 QBV393286 QLR393286 QVN393286 RFJ393286 RPF393286 RZB393286 SIX393286 SST393286 TCP393286 TML393286 TWH393286 UGD393286 UPZ393286 UZV393286 VJR393286 VTN393286 WDJ393286 WNF393286 WXB393286 AT458822 KP458822 UL458822 AEH458822 AOD458822 AXZ458822 BHV458822 BRR458822 CBN458822 CLJ458822 CVF458822 DFB458822 DOX458822 DYT458822 EIP458822 ESL458822 FCH458822 FMD458822 FVZ458822 GFV458822 GPR458822 GZN458822 HJJ458822 HTF458822 IDB458822 IMX458822 IWT458822 JGP458822 JQL458822 KAH458822 KKD458822 KTZ458822 LDV458822 LNR458822 LXN458822 MHJ458822 MRF458822 NBB458822 NKX458822 NUT458822 OEP458822 OOL458822 OYH458822 PID458822 PRZ458822 QBV458822 QLR458822 QVN458822 RFJ458822 RPF458822 RZB458822 SIX458822 SST458822 TCP458822 TML458822 TWH458822 UGD458822 UPZ458822 UZV458822 VJR458822 VTN458822 WDJ458822 WNF458822 WXB458822 AT524358 KP524358 UL524358 AEH524358 AOD524358 AXZ524358 BHV524358 BRR524358 CBN524358 CLJ524358 CVF524358 DFB524358 DOX524358 DYT524358 EIP524358 ESL524358 FCH524358 FMD524358 FVZ524358 GFV524358 GPR524358 GZN524358 HJJ524358 HTF524358 IDB524358 IMX524358 IWT524358 JGP524358 JQL524358 KAH524358 KKD524358 KTZ524358 LDV524358 LNR524358 LXN524358 MHJ524358 MRF524358 NBB524358 NKX524358 NUT524358 OEP524358 OOL524358 OYH524358 PID524358 PRZ524358 QBV524358 QLR524358 QVN524358 RFJ524358 RPF524358 RZB524358 SIX524358 SST524358 TCP524358 TML524358 TWH524358 UGD524358 UPZ524358 UZV524358 VJR524358 VTN524358 WDJ524358 WNF524358 WXB524358 AT589894 KP589894 UL589894 AEH589894 AOD589894 AXZ589894 BHV589894 BRR589894 CBN589894 CLJ589894 CVF589894 DFB589894 DOX589894 DYT589894 EIP589894 ESL589894 FCH589894 FMD589894 FVZ589894 GFV589894 GPR589894 GZN589894 HJJ589894 HTF589894 IDB589894 IMX589894 IWT589894 JGP589894 JQL589894 KAH589894 KKD589894 KTZ589894 LDV589894 LNR589894 LXN589894 MHJ589894 MRF589894 NBB589894 NKX589894 NUT589894 OEP589894 OOL589894 OYH589894 PID589894 PRZ589894 QBV589894 QLR589894 QVN589894 RFJ589894 RPF589894 RZB589894 SIX589894 SST589894 TCP589894 TML589894 TWH589894 UGD589894 UPZ589894 UZV589894 VJR589894 VTN589894 WDJ589894 WNF589894 WXB589894 AT655430 KP655430 UL655430 AEH655430 AOD655430 AXZ655430 BHV655430 BRR655430 CBN655430 CLJ655430 CVF655430 DFB655430 DOX655430 DYT655430 EIP655430 ESL655430 FCH655430 FMD655430 FVZ655430 GFV655430 GPR655430 GZN655430 HJJ655430 HTF655430 IDB655430 IMX655430 IWT655430 JGP655430 JQL655430 KAH655430 KKD655430 KTZ655430 LDV655430 LNR655430 LXN655430 MHJ655430 MRF655430 NBB655430 NKX655430 NUT655430 OEP655430 OOL655430 OYH655430 PID655430 PRZ655430 QBV655430 QLR655430 QVN655430 RFJ655430 RPF655430 RZB655430 SIX655430 SST655430 TCP655430 TML655430 TWH655430 UGD655430 UPZ655430 UZV655430 VJR655430 VTN655430 WDJ655430 WNF655430 WXB655430 AT720966 KP720966 UL720966 AEH720966 AOD720966 AXZ720966 BHV720966 BRR720966 CBN720966 CLJ720966 CVF720966 DFB720966 DOX720966 DYT720966 EIP720966 ESL720966 FCH720966 FMD720966 FVZ720966 GFV720966 GPR720966 GZN720966 HJJ720966 HTF720966 IDB720966 IMX720966 IWT720966 JGP720966 JQL720966 KAH720966 KKD720966 KTZ720966 LDV720966 LNR720966 LXN720966 MHJ720966 MRF720966 NBB720966 NKX720966 NUT720966 OEP720966 OOL720966 OYH720966 PID720966 PRZ720966 QBV720966 QLR720966 QVN720966 RFJ720966 RPF720966 RZB720966 SIX720966 SST720966 TCP720966 TML720966 TWH720966 UGD720966 UPZ720966 UZV720966 VJR720966 VTN720966 WDJ720966 WNF720966 WXB720966 AT786502 KP786502 UL786502 AEH786502 AOD786502 AXZ786502 BHV786502 BRR786502 CBN786502 CLJ786502 CVF786502 DFB786502 DOX786502 DYT786502 EIP786502 ESL786502 FCH786502 FMD786502 FVZ786502 GFV786502 GPR786502 GZN786502 HJJ786502 HTF786502 IDB786502 IMX786502 IWT786502 JGP786502 JQL786502 KAH786502 KKD786502 KTZ786502 LDV786502 LNR786502 LXN786502 MHJ786502 MRF786502 NBB786502 NKX786502 NUT786502 OEP786502 OOL786502 OYH786502 PID786502 PRZ786502 QBV786502 QLR786502 QVN786502 RFJ786502 RPF786502 RZB786502 SIX786502 SST786502 TCP786502 TML786502 TWH786502 UGD786502 UPZ786502 UZV786502 VJR786502 VTN786502 WDJ786502 WNF786502 WXB786502 AT852038 KP852038 UL852038 AEH852038 AOD852038 AXZ852038 BHV852038 BRR852038 CBN852038 CLJ852038 CVF852038 DFB852038 DOX852038 DYT852038 EIP852038 ESL852038 FCH852038 FMD852038 FVZ852038 GFV852038 GPR852038 GZN852038 HJJ852038 HTF852038 IDB852038 IMX852038 IWT852038 JGP852038 JQL852038 KAH852038 KKD852038 KTZ852038 LDV852038 LNR852038 LXN852038 MHJ852038 MRF852038 NBB852038 NKX852038 NUT852038 OEP852038 OOL852038 OYH852038 PID852038 PRZ852038 QBV852038 QLR852038 QVN852038 RFJ852038 RPF852038 RZB852038 SIX852038 SST852038 TCP852038 TML852038 TWH852038 UGD852038 UPZ852038 UZV852038 VJR852038 VTN852038 WDJ852038 WNF852038 WXB852038 AT917574 KP917574 UL917574 AEH917574 AOD917574 AXZ917574 BHV917574 BRR917574 CBN917574 CLJ917574 CVF917574 DFB917574 DOX917574 DYT917574 EIP917574 ESL917574 FCH917574 FMD917574 FVZ917574 GFV917574 GPR917574 GZN917574 HJJ917574 HTF917574 IDB917574 IMX917574 IWT917574 JGP917574 JQL917574 KAH917574 KKD917574 KTZ917574 LDV917574 LNR917574 LXN917574 MHJ917574 MRF917574 NBB917574 NKX917574 NUT917574 OEP917574 OOL917574 OYH917574 PID917574 PRZ917574 QBV917574 QLR917574 QVN917574 RFJ917574 RPF917574 RZB917574 SIX917574 SST917574 TCP917574 TML917574 TWH917574 UGD917574 UPZ917574 UZV917574 VJR917574 VTN917574 WDJ917574 WNF917574 WXB917574 AT983110 KP983110 UL983110 AEH983110 AOD983110 AXZ983110 BHV983110 BRR983110 CBN983110 CLJ983110 CVF983110 DFB983110 DOX983110 DYT983110 EIP983110 ESL983110 FCH983110 FMD983110 FVZ983110 GFV983110 GPR983110 GZN983110 HJJ983110 HTF983110 IDB983110 IMX983110 IWT983110 JGP983110 JQL983110 KAH983110 KKD983110 KTZ983110 LDV983110 LNR983110 LXN983110 MHJ983110 MRF983110 NBB983110 NKX983110 NUT983110 OEP983110 OOL983110 OYH983110 PID983110 PRZ983110 QBV983110 QLR983110 QVN983110 RFJ983110 RPF983110 RZB983110 SIX983110 SST983110 TCP983110 TML983110 TWH983110 UGD983110 UPZ983110 UZV983110 VJR983110 VTN983110 WDJ983110 WNF983110 WXB983110" xr:uid="{00000000-0002-0000-0100-00001A000000}"/>
    <dataValidation allowBlank="1" showInputMessage="1" showErrorMessage="1" promptTitle="商品検査の有無" prompt="衛生管理に係る検査項目につき検査結果を示し、製造現場、生産現場の安全性を示して下さい。_x000a_検査の有無のいずれかを選択（●）し、検査している項目を記載してください。" sqref="AP58:AP59 KL58:KL59 UH58:UH59 AED58:AED59 ANZ58:ANZ59 AXV58:AXV59 BHR58:BHR59 BRN58:BRN59 CBJ58:CBJ59 CLF58:CLF59 CVB58:CVB59 DEX58:DEX59 DOT58:DOT59 DYP58:DYP59 EIL58:EIL59 ESH58:ESH59 FCD58:FCD59 FLZ58:FLZ59 FVV58:FVV59 GFR58:GFR59 GPN58:GPN59 GZJ58:GZJ59 HJF58:HJF59 HTB58:HTB59 ICX58:ICX59 IMT58:IMT59 IWP58:IWP59 JGL58:JGL59 JQH58:JQH59 KAD58:KAD59 KJZ58:KJZ59 KTV58:KTV59 LDR58:LDR59 LNN58:LNN59 LXJ58:LXJ59 MHF58:MHF59 MRB58:MRB59 NAX58:NAX59 NKT58:NKT59 NUP58:NUP59 OEL58:OEL59 OOH58:OOH59 OYD58:OYD59 PHZ58:PHZ59 PRV58:PRV59 QBR58:QBR59 QLN58:QLN59 QVJ58:QVJ59 RFF58:RFF59 RPB58:RPB59 RYX58:RYX59 SIT58:SIT59 SSP58:SSP59 TCL58:TCL59 TMH58:TMH59 TWD58:TWD59 UFZ58:UFZ59 UPV58:UPV59 UZR58:UZR59 VJN58:VJN59 VTJ58:VTJ59 WDF58:WDF59 WNB58:WNB59 WWX58:WWX59 AP65594:AP65595 KL65594:KL65595 UH65594:UH65595 AED65594:AED65595 ANZ65594:ANZ65595 AXV65594:AXV65595 BHR65594:BHR65595 BRN65594:BRN65595 CBJ65594:CBJ65595 CLF65594:CLF65595 CVB65594:CVB65595 DEX65594:DEX65595 DOT65594:DOT65595 DYP65594:DYP65595 EIL65594:EIL65595 ESH65594:ESH65595 FCD65594:FCD65595 FLZ65594:FLZ65595 FVV65594:FVV65595 GFR65594:GFR65595 GPN65594:GPN65595 GZJ65594:GZJ65595 HJF65594:HJF65595 HTB65594:HTB65595 ICX65594:ICX65595 IMT65594:IMT65595 IWP65594:IWP65595 JGL65594:JGL65595 JQH65594:JQH65595 KAD65594:KAD65595 KJZ65594:KJZ65595 KTV65594:KTV65595 LDR65594:LDR65595 LNN65594:LNN65595 LXJ65594:LXJ65595 MHF65594:MHF65595 MRB65594:MRB65595 NAX65594:NAX65595 NKT65594:NKT65595 NUP65594:NUP65595 OEL65594:OEL65595 OOH65594:OOH65595 OYD65594:OYD65595 PHZ65594:PHZ65595 PRV65594:PRV65595 QBR65594:QBR65595 QLN65594:QLN65595 QVJ65594:QVJ65595 RFF65594:RFF65595 RPB65594:RPB65595 RYX65594:RYX65595 SIT65594:SIT65595 SSP65594:SSP65595 TCL65594:TCL65595 TMH65594:TMH65595 TWD65594:TWD65595 UFZ65594:UFZ65595 UPV65594:UPV65595 UZR65594:UZR65595 VJN65594:VJN65595 VTJ65594:VTJ65595 WDF65594:WDF65595 WNB65594:WNB65595 WWX65594:WWX65595 AP131130:AP131131 KL131130:KL131131 UH131130:UH131131 AED131130:AED131131 ANZ131130:ANZ131131 AXV131130:AXV131131 BHR131130:BHR131131 BRN131130:BRN131131 CBJ131130:CBJ131131 CLF131130:CLF131131 CVB131130:CVB131131 DEX131130:DEX131131 DOT131130:DOT131131 DYP131130:DYP131131 EIL131130:EIL131131 ESH131130:ESH131131 FCD131130:FCD131131 FLZ131130:FLZ131131 FVV131130:FVV131131 GFR131130:GFR131131 GPN131130:GPN131131 GZJ131130:GZJ131131 HJF131130:HJF131131 HTB131130:HTB131131 ICX131130:ICX131131 IMT131130:IMT131131 IWP131130:IWP131131 JGL131130:JGL131131 JQH131130:JQH131131 KAD131130:KAD131131 KJZ131130:KJZ131131 KTV131130:KTV131131 LDR131130:LDR131131 LNN131130:LNN131131 LXJ131130:LXJ131131 MHF131130:MHF131131 MRB131130:MRB131131 NAX131130:NAX131131 NKT131130:NKT131131 NUP131130:NUP131131 OEL131130:OEL131131 OOH131130:OOH131131 OYD131130:OYD131131 PHZ131130:PHZ131131 PRV131130:PRV131131 QBR131130:QBR131131 QLN131130:QLN131131 QVJ131130:QVJ131131 RFF131130:RFF131131 RPB131130:RPB131131 RYX131130:RYX131131 SIT131130:SIT131131 SSP131130:SSP131131 TCL131130:TCL131131 TMH131130:TMH131131 TWD131130:TWD131131 UFZ131130:UFZ131131 UPV131130:UPV131131 UZR131130:UZR131131 VJN131130:VJN131131 VTJ131130:VTJ131131 WDF131130:WDF131131 WNB131130:WNB131131 WWX131130:WWX131131 AP196666:AP196667 KL196666:KL196667 UH196666:UH196667 AED196666:AED196667 ANZ196666:ANZ196667 AXV196666:AXV196667 BHR196666:BHR196667 BRN196666:BRN196667 CBJ196666:CBJ196667 CLF196666:CLF196667 CVB196666:CVB196667 DEX196666:DEX196667 DOT196666:DOT196667 DYP196666:DYP196667 EIL196666:EIL196667 ESH196666:ESH196667 FCD196666:FCD196667 FLZ196666:FLZ196667 FVV196666:FVV196667 GFR196666:GFR196667 GPN196666:GPN196667 GZJ196666:GZJ196667 HJF196666:HJF196667 HTB196666:HTB196667 ICX196666:ICX196667 IMT196666:IMT196667 IWP196666:IWP196667 JGL196666:JGL196667 JQH196666:JQH196667 KAD196666:KAD196667 KJZ196666:KJZ196667 KTV196666:KTV196667 LDR196666:LDR196667 LNN196666:LNN196667 LXJ196666:LXJ196667 MHF196666:MHF196667 MRB196666:MRB196667 NAX196666:NAX196667 NKT196666:NKT196667 NUP196666:NUP196667 OEL196666:OEL196667 OOH196666:OOH196667 OYD196666:OYD196667 PHZ196666:PHZ196667 PRV196666:PRV196667 QBR196666:QBR196667 QLN196666:QLN196667 QVJ196666:QVJ196667 RFF196666:RFF196667 RPB196666:RPB196667 RYX196666:RYX196667 SIT196666:SIT196667 SSP196666:SSP196667 TCL196666:TCL196667 TMH196666:TMH196667 TWD196666:TWD196667 UFZ196666:UFZ196667 UPV196666:UPV196667 UZR196666:UZR196667 VJN196666:VJN196667 VTJ196666:VTJ196667 WDF196666:WDF196667 WNB196666:WNB196667 WWX196666:WWX196667 AP262202:AP262203 KL262202:KL262203 UH262202:UH262203 AED262202:AED262203 ANZ262202:ANZ262203 AXV262202:AXV262203 BHR262202:BHR262203 BRN262202:BRN262203 CBJ262202:CBJ262203 CLF262202:CLF262203 CVB262202:CVB262203 DEX262202:DEX262203 DOT262202:DOT262203 DYP262202:DYP262203 EIL262202:EIL262203 ESH262202:ESH262203 FCD262202:FCD262203 FLZ262202:FLZ262203 FVV262202:FVV262203 GFR262202:GFR262203 GPN262202:GPN262203 GZJ262202:GZJ262203 HJF262202:HJF262203 HTB262202:HTB262203 ICX262202:ICX262203 IMT262202:IMT262203 IWP262202:IWP262203 JGL262202:JGL262203 JQH262202:JQH262203 KAD262202:KAD262203 KJZ262202:KJZ262203 KTV262202:KTV262203 LDR262202:LDR262203 LNN262202:LNN262203 LXJ262202:LXJ262203 MHF262202:MHF262203 MRB262202:MRB262203 NAX262202:NAX262203 NKT262202:NKT262203 NUP262202:NUP262203 OEL262202:OEL262203 OOH262202:OOH262203 OYD262202:OYD262203 PHZ262202:PHZ262203 PRV262202:PRV262203 QBR262202:QBR262203 QLN262202:QLN262203 QVJ262202:QVJ262203 RFF262202:RFF262203 RPB262202:RPB262203 RYX262202:RYX262203 SIT262202:SIT262203 SSP262202:SSP262203 TCL262202:TCL262203 TMH262202:TMH262203 TWD262202:TWD262203 UFZ262202:UFZ262203 UPV262202:UPV262203 UZR262202:UZR262203 VJN262202:VJN262203 VTJ262202:VTJ262203 WDF262202:WDF262203 WNB262202:WNB262203 WWX262202:WWX262203 AP327738:AP327739 KL327738:KL327739 UH327738:UH327739 AED327738:AED327739 ANZ327738:ANZ327739 AXV327738:AXV327739 BHR327738:BHR327739 BRN327738:BRN327739 CBJ327738:CBJ327739 CLF327738:CLF327739 CVB327738:CVB327739 DEX327738:DEX327739 DOT327738:DOT327739 DYP327738:DYP327739 EIL327738:EIL327739 ESH327738:ESH327739 FCD327738:FCD327739 FLZ327738:FLZ327739 FVV327738:FVV327739 GFR327738:GFR327739 GPN327738:GPN327739 GZJ327738:GZJ327739 HJF327738:HJF327739 HTB327738:HTB327739 ICX327738:ICX327739 IMT327738:IMT327739 IWP327738:IWP327739 JGL327738:JGL327739 JQH327738:JQH327739 KAD327738:KAD327739 KJZ327738:KJZ327739 KTV327738:KTV327739 LDR327738:LDR327739 LNN327738:LNN327739 LXJ327738:LXJ327739 MHF327738:MHF327739 MRB327738:MRB327739 NAX327738:NAX327739 NKT327738:NKT327739 NUP327738:NUP327739 OEL327738:OEL327739 OOH327738:OOH327739 OYD327738:OYD327739 PHZ327738:PHZ327739 PRV327738:PRV327739 QBR327738:QBR327739 QLN327738:QLN327739 QVJ327738:QVJ327739 RFF327738:RFF327739 RPB327738:RPB327739 RYX327738:RYX327739 SIT327738:SIT327739 SSP327738:SSP327739 TCL327738:TCL327739 TMH327738:TMH327739 TWD327738:TWD327739 UFZ327738:UFZ327739 UPV327738:UPV327739 UZR327738:UZR327739 VJN327738:VJN327739 VTJ327738:VTJ327739 WDF327738:WDF327739 WNB327738:WNB327739 WWX327738:WWX327739 AP393274:AP393275 KL393274:KL393275 UH393274:UH393275 AED393274:AED393275 ANZ393274:ANZ393275 AXV393274:AXV393275 BHR393274:BHR393275 BRN393274:BRN393275 CBJ393274:CBJ393275 CLF393274:CLF393275 CVB393274:CVB393275 DEX393274:DEX393275 DOT393274:DOT393275 DYP393274:DYP393275 EIL393274:EIL393275 ESH393274:ESH393275 FCD393274:FCD393275 FLZ393274:FLZ393275 FVV393274:FVV393275 GFR393274:GFR393275 GPN393274:GPN393275 GZJ393274:GZJ393275 HJF393274:HJF393275 HTB393274:HTB393275 ICX393274:ICX393275 IMT393274:IMT393275 IWP393274:IWP393275 JGL393274:JGL393275 JQH393274:JQH393275 KAD393274:KAD393275 KJZ393274:KJZ393275 KTV393274:KTV393275 LDR393274:LDR393275 LNN393274:LNN393275 LXJ393274:LXJ393275 MHF393274:MHF393275 MRB393274:MRB393275 NAX393274:NAX393275 NKT393274:NKT393275 NUP393274:NUP393275 OEL393274:OEL393275 OOH393274:OOH393275 OYD393274:OYD393275 PHZ393274:PHZ393275 PRV393274:PRV393275 QBR393274:QBR393275 QLN393274:QLN393275 QVJ393274:QVJ393275 RFF393274:RFF393275 RPB393274:RPB393275 RYX393274:RYX393275 SIT393274:SIT393275 SSP393274:SSP393275 TCL393274:TCL393275 TMH393274:TMH393275 TWD393274:TWD393275 UFZ393274:UFZ393275 UPV393274:UPV393275 UZR393274:UZR393275 VJN393274:VJN393275 VTJ393274:VTJ393275 WDF393274:WDF393275 WNB393274:WNB393275 WWX393274:WWX393275 AP458810:AP458811 KL458810:KL458811 UH458810:UH458811 AED458810:AED458811 ANZ458810:ANZ458811 AXV458810:AXV458811 BHR458810:BHR458811 BRN458810:BRN458811 CBJ458810:CBJ458811 CLF458810:CLF458811 CVB458810:CVB458811 DEX458810:DEX458811 DOT458810:DOT458811 DYP458810:DYP458811 EIL458810:EIL458811 ESH458810:ESH458811 FCD458810:FCD458811 FLZ458810:FLZ458811 FVV458810:FVV458811 GFR458810:GFR458811 GPN458810:GPN458811 GZJ458810:GZJ458811 HJF458810:HJF458811 HTB458810:HTB458811 ICX458810:ICX458811 IMT458810:IMT458811 IWP458810:IWP458811 JGL458810:JGL458811 JQH458810:JQH458811 KAD458810:KAD458811 KJZ458810:KJZ458811 KTV458810:KTV458811 LDR458810:LDR458811 LNN458810:LNN458811 LXJ458810:LXJ458811 MHF458810:MHF458811 MRB458810:MRB458811 NAX458810:NAX458811 NKT458810:NKT458811 NUP458810:NUP458811 OEL458810:OEL458811 OOH458810:OOH458811 OYD458810:OYD458811 PHZ458810:PHZ458811 PRV458810:PRV458811 QBR458810:QBR458811 QLN458810:QLN458811 QVJ458810:QVJ458811 RFF458810:RFF458811 RPB458810:RPB458811 RYX458810:RYX458811 SIT458810:SIT458811 SSP458810:SSP458811 TCL458810:TCL458811 TMH458810:TMH458811 TWD458810:TWD458811 UFZ458810:UFZ458811 UPV458810:UPV458811 UZR458810:UZR458811 VJN458810:VJN458811 VTJ458810:VTJ458811 WDF458810:WDF458811 WNB458810:WNB458811 WWX458810:WWX458811 AP524346:AP524347 KL524346:KL524347 UH524346:UH524347 AED524346:AED524347 ANZ524346:ANZ524347 AXV524346:AXV524347 BHR524346:BHR524347 BRN524346:BRN524347 CBJ524346:CBJ524347 CLF524346:CLF524347 CVB524346:CVB524347 DEX524346:DEX524347 DOT524346:DOT524347 DYP524346:DYP524347 EIL524346:EIL524347 ESH524346:ESH524347 FCD524346:FCD524347 FLZ524346:FLZ524347 FVV524346:FVV524347 GFR524346:GFR524347 GPN524346:GPN524347 GZJ524346:GZJ524347 HJF524346:HJF524347 HTB524346:HTB524347 ICX524346:ICX524347 IMT524346:IMT524347 IWP524346:IWP524347 JGL524346:JGL524347 JQH524346:JQH524347 KAD524346:KAD524347 KJZ524346:KJZ524347 KTV524346:KTV524347 LDR524346:LDR524347 LNN524346:LNN524347 LXJ524346:LXJ524347 MHF524346:MHF524347 MRB524346:MRB524347 NAX524346:NAX524347 NKT524346:NKT524347 NUP524346:NUP524347 OEL524346:OEL524347 OOH524346:OOH524347 OYD524346:OYD524347 PHZ524346:PHZ524347 PRV524346:PRV524347 QBR524346:QBR524347 QLN524346:QLN524347 QVJ524346:QVJ524347 RFF524346:RFF524347 RPB524346:RPB524347 RYX524346:RYX524347 SIT524346:SIT524347 SSP524346:SSP524347 TCL524346:TCL524347 TMH524346:TMH524347 TWD524346:TWD524347 UFZ524346:UFZ524347 UPV524346:UPV524347 UZR524346:UZR524347 VJN524346:VJN524347 VTJ524346:VTJ524347 WDF524346:WDF524347 WNB524346:WNB524347 WWX524346:WWX524347 AP589882:AP589883 KL589882:KL589883 UH589882:UH589883 AED589882:AED589883 ANZ589882:ANZ589883 AXV589882:AXV589883 BHR589882:BHR589883 BRN589882:BRN589883 CBJ589882:CBJ589883 CLF589882:CLF589883 CVB589882:CVB589883 DEX589882:DEX589883 DOT589882:DOT589883 DYP589882:DYP589883 EIL589882:EIL589883 ESH589882:ESH589883 FCD589882:FCD589883 FLZ589882:FLZ589883 FVV589882:FVV589883 GFR589882:GFR589883 GPN589882:GPN589883 GZJ589882:GZJ589883 HJF589882:HJF589883 HTB589882:HTB589883 ICX589882:ICX589883 IMT589882:IMT589883 IWP589882:IWP589883 JGL589882:JGL589883 JQH589882:JQH589883 KAD589882:KAD589883 KJZ589882:KJZ589883 KTV589882:KTV589883 LDR589882:LDR589883 LNN589882:LNN589883 LXJ589882:LXJ589883 MHF589882:MHF589883 MRB589882:MRB589883 NAX589882:NAX589883 NKT589882:NKT589883 NUP589882:NUP589883 OEL589882:OEL589883 OOH589882:OOH589883 OYD589882:OYD589883 PHZ589882:PHZ589883 PRV589882:PRV589883 QBR589882:QBR589883 QLN589882:QLN589883 QVJ589882:QVJ589883 RFF589882:RFF589883 RPB589882:RPB589883 RYX589882:RYX589883 SIT589882:SIT589883 SSP589882:SSP589883 TCL589882:TCL589883 TMH589882:TMH589883 TWD589882:TWD589883 UFZ589882:UFZ589883 UPV589882:UPV589883 UZR589882:UZR589883 VJN589882:VJN589883 VTJ589882:VTJ589883 WDF589882:WDF589883 WNB589882:WNB589883 WWX589882:WWX589883 AP655418:AP655419 KL655418:KL655419 UH655418:UH655419 AED655418:AED655419 ANZ655418:ANZ655419 AXV655418:AXV655419 BHR655418:BHR655419 BRN655418:BRN655419 CBJ655418:CBJ655419 CLF655418:CLF655419 CVB655418:CVB655419 DEX655418:DEX655419 DOT655418:DOT655419 DYP655418:DYP655419 EIL655418:EIL655419 ESH655418:ESH655419 FCD655418:FCD655419 FLZ655418:FLZ655419 FVV655418:FVV655419 GFR655418:GFR655419 GPN655418:GPN655419 GZJ655418:GZJ655419 HJF655418:HJF655419 HTB655418:HTB655419 ICX655418:ICX655419 IMT655418:IMT655419 IWP655418:IWP655419 JGL655418:JGL655419 JQH655418:JQH655419 KAD655418:KAD655419 KJZ655418:KJZ655419 KTV655418:KTV655419 LDR655418:LDR655419 LNN655418:LNN655419 LXJ655418:LXJ655419 MHF655418:MHF655419 MRB655418:MRB655419 NAX655418:NAX655419 NKT655418:NKT655419 NUP655418:NUP655419 OEL655418:OEL655419 OOH655418:OOH655419 OYD655418:OYD655419 PHZ655418:PHZ655419 PRV655418:PRV655419 QBR655418:QBR655419 QLN655418:QLN655419 QVJ655418:QVJ655419 RFF655418:RFF655419 RPB655418:RPB655419 RYX655418:RYX655419 SIT655418:SIT655419 SSP655418:SSP655419 TCL655418:TCL655419 TMH655418:TMH655419 TWD655418:TWD655419 UFZ655418:UFZ655419 UPV655418:UPV655419 UZR655418:UZR655419 VJN655418:VJN655419 VTJ655418:VTJ655419 WDF655418:WDF655419 WNB655418:WNB655419 WWX655418:WWX655419 AP720954:AP720955 KL720954:KL720955 UH720954:UH720955 AED720954:AED720955 ANZ720954:ANZ720955 AXV720954:AXV720955 BHR720954:BHR720955 BRN720954:BRN720955 CBJ720954:CBJ720955 CLF720954:CLF720955 CVB720954:CVB720955 DEX720954:DEX720955 DOT720954:DOT720955 DYP720954:DYP720955 EIL720954:EIL720955 ESH720954:ESH720955 FCD720954:FCD720955 FLZ720954:FLZ720955 FVV720954:FVV720955 GFR720954:GFR720955 GPN720954:GPN720955 GZJ720954:GZJ720955 HJF720954:HJF720955 HTB720954:HTB720955 ICX720954:ICX720955 IMT720954:IMT720955 IWP720954:IWP720955 JGL720954:JGL720955 JQH720954:JQH720955 KAD720954:KAD720955 KJZ720954:KJZ720955 KTV720954:KTV720955 LDR720954:LDR720955 LNN720954:LNN720955 LXJ720954:LXJ720955 MHF720954:MHF720955 MRB720954:MRB720955 NAX720954:NAX720955 NKT720954:NKT720955 NUP720954:NUP720955 OEL720954:OEL720955 OOH720954:OOH720955 OYD720954:OYD720955 PHZ720954:PHZ720955 PRV720954:PRV720955 QBR720954:QBR720955 QLN720954:QLN720955 QVJ720954:QVJ720955 RFF720954:RFF720955 RPB720954:RPB720955 RYX720954:RYX720955 SIT720954:SIT720955 SSP720954:SSP720955 TCL720954:TCL720955 TMH720954:TMH720955 TWD720954:TWD720955 UFZ720954:UFZ720955 UPV720954:UPV720955 UZR720954:UZR720955 VJN720954:VJN720955 VTJ720954:VTJ720955 WDF720954:WDF720955 WNB720954:WNB720955 WWX720954:WWX720955 AP786490:AP786491 KL786490:KL786491 UH786490:UH786491 AED786490:AED786491 ANZ786490:ANZ786491 AXV786490:AXV786491 BHR786490:BHR786491 BRN786490:BRN786491 CBJ786490:CBJ786491 CLF786490:CLF786491 CVB786490:CVB786491 DEX786490:DEX786491 DOT786490:DOT786491 DYP786490:DYP786491 EIL786490:EIL786491 ESH786490:ESH786491 FCD786490:FCD786491 FLZ786490:FLZ786491 FVV786490:FVV786491 GFR786490:GFR786491 GPN786490:GPN786491 GZJ786490:GZJ786491 HJF786490:HJF786491 HTB786490:HTB786491 ICX786490:ICX786491 IMT786490:IMT786491 IWP786490:IWP786491 JGL786490:JGL786491 JQH786490:JQH786491 KAD786490:KAD786491 KJZ786490:KJZ786491 KTV786490:KTV786491 LDR786490:LDR786491 LNN786490:LNN786491 LXJ786490:LXJ786491 MHF786490:MHF786491 MRB786490:MRB786491 NAX786490:NAX786491 NKT786490:NKT786491 NUP786490:NUP786491 OEL786490:OEL786491 OOH786490:OOH786491 OYD786490:OYD786491 PHZ786490:PHZ786491 PRV786490:PRV786491 QBR786490:QBR786491 QLN786490:QLN786491 QVJ786490:QVJ786491 RFF786490:RFF786491 RPB786490:RPB786491 RYX786490:RYX786491 SIT786490:SIT786491 SSP786490:SSP786491 TCL786490:TCL786491 TMH786490:TMH786491 TWD786490:TWD786491 UFZ786490:UFZ786491 UPV786490:UPV786491 UZR786490:UZR786491 VJN786490:VJN786491 VTJ786490:VTJ786491 WDF786490:WDF786491 WNB786490:WNB786491 WWX786490:WWX786491 AP852026:AP852027 KL852026:KL852027 UH852026:UH852027 AED852026:AED852027 ANZ852026:ANZ852027 AXV852026:AXV852027 BHR852026:BHR852027 BRN852026:BRN852027 CBJ852026:CBJ852027 CLF852026:CLF852027 CVB852026:CVB852027 DEX852026:DEX852027 DOT852026:DOT852027 DYP852026:DYP852027 EIL852026:EIL852027 ESH852026:ESH852027 FCD852026:FCD852027 FLZ852026:FLZ852027 FVV852026:FVV852027 GFR852026:GFR852027 GPN852026:GPN852027 GZJ852026:GZJ852027 HJF852026:HJF852027 HTB852026:HTB852027 ICX852026:ICX852027 IMT852026:IMT852027 IWP852026:IWP852027 JGL852026:JGL852027 JQH852026:JQH852027 KAD852026:KAD852027 KJZ852026:KJZ852027 KTV852026:KTV852027 LDR852026:LDR852027 LNN852026:LNN852027 LXJ852026:LXJ852027 MHF852026:MHF852027 MRB852026:MRB852027 NAX852026:NAX852027 NKT852026:NKT852027 NUP852026:NUP852027 OEL852026:OEL852027 OOH852026:OOH852027 OYD852026:OYD852027 PHZ852026:PHZ852027 PRV852026:PRV852027 QBR852026:QBR852027 QLN852026:QLN852027 QVJ852026:QVJ852027 RFF852026:RFF852027 RPB852026:RPB852027 RYX852026:RYX852027 SIT852026:SIT852027 SSP852026:SSP852027 TCL852026:TCL852027 TMH852026:TMH852027 TWD852026:TWD852027 UFZ852026:UFZ852027 UPV852026:UPV852027 UZR852026:UZR852027 VJN852026:VJN852027 VTJ852026:VTJ852027 WDF852026:WDF852027 WNB852026:WNB852027 WWX852026:WWX852027 AP917562:AP917563 KL917562:KL917563 UH917562:UH917563 AED917562:AED917563 ANZ917562:ANZ917563 AXV917562:AXV917563 BHR917562:BHR917563 BRN917562:BRN917563 CBJ917562:CBJ917563 CLF917562:CLF917563 CVB917562:CVB917563 DEX917562:DEX917563 DOT917562:DOT917563 DYP917562:DYP917563 EIL917562:EIL917563 ESH917562:ESH917563 FCD917562:FCD917563 FLZ917562:FLZ917563 FVV917562:FVV917563 GFR917562:GFR917563 GPN917562:GPN917563 GZJ917562:GZJ917563 HJF917562:HJF917563 HTB917562:HTB917563 ICX917562:ICX917563 IMT917562:IMT917563 IWP917562:IWP917563 JGL917562:JGL917563 JQH917562:JQH917563 KAD917562:KAD917563 KJZ917562:KJZ917563 KTV917562:KTV917563 LDR917562:LDR917563 LNN917562:LNN917563 LXJ917562:LXJ917563 MHF917562:MHF917563 MRB917562:MRB917563 NAX917562:NAX917563 NKT917562:NKT917563 NUP917562:NUP917563 OEL917562:OEL917563 OOH917562:OOH917563 OYD917562:OYD917563 PHZ917562:PHZ917563 PRV917562:PRV917563 QBR917562:QBR917563 QLN917562:QLN917563 QVJ917562:QVJ917563 RFF917562:RFF917563 RPB917562:RPB917563 RYX917562:RYX917563 SIT917562:SIT917563 SSP917562:SSP917563 TCL917562:TCL917563 TMH917562:TMH917563 TWD917562:TWD917563 UFZ917562:UFZ917563 UPV917562:UPV917563 UZR917562:UZR917563 VJN917562:VJN917563 VTJ917562:VTJ917563 WDF917562:WDF917563 WNB917562:WNB917563 WWX917562:WWX917563 AP983098:AP983099 KL983098:KL983099 UH983098:UH983099 AED983098:AED983099 ANZ983098:ANZ983099 AXV983098:AXV983099 BHR983098:BHR983099 BRN983098:BRN983099 CBJ983098:CBJ983099 CLF983098:CLF983099 CVB983098:CVB983099 DEX983098:DEX983099 DOT983098:DOT983099 DYP983098:DYP983099 EIL983098:EIL983099 ESH983098:ESH983099 FCD983098:FCD983099 FLZ983098:FLZ983099 FVV983098:FVV983099 GFR983098:GFR983099 GPN983098:GPN983099 GZJ983098:GZJ983099 HJF983098:HJF983099 HTB983098:HTB983099 ICX983098:ICX983099 IMT983098:IMT983099 IWP983098:IWP983099 JGL983098:JGL983099 JQH983098:JQH983099 KAD983098:KAD983099 KJZ983098:KJZ983099 KTV983098:KTV983099 LDR983098:LDR983099 LNN983098:LNN983099 LXJ983098:LXJ983099 MHF983098:MHF983099 MRB983098:MRB983099 NAX983098:NAX983099 NKT983098:NKT983099 NUP983098:NUP983099 OEL983098:OEL983099 OOH983098:OOH983099 OYD983098:OYD983099 PHZ983098:PHZ983099 PRV983098:PRV983099 QBR983098:QBR983099 QLN983098:QLN983099 QVJ983098:QVJ983099 RFF983098:RFF983099 RPB983098:RPB983099 RYX983098:RYX983099 SIT983098:SIT983099 SSP983098:SSP983099 TCL983098:TCL983099 TMH983098:TMH983099 TWD983098:TWD983099 UFZ983098:UFZ983099 UPV983098:UPV983099 UZR983098:UZR983099 VJN983098:VJN983099 VTJ983098:VTJ983099 WDF983098:WDF983099 WNB983098:WNB983099 WWX983098:WWX983099" xr:uid="{00000000-0002-0000-0100-00001B000000}"/>
    <dataValidation allowBlank="1" showInputMessage="1" showErrorMessage="1" promptTitle="写真の説明" prompt="写真の説明を簡単に記入してください" sqref="AG55 KC55 TY55 ADU55 ANQ55 AXM55 BHI55 BRE55 CBA55 CKW55 CUS55 DEO55 DOK55 DYG55 EIC55 ERY55 FBU55 FLQ55 FVM55 GFI55 GPE55 GZA55 HIW55 HSS55 ICO55 IMK55 IWG55 JGC55 JPY55 JZU55 KJQ55 KTM55 LDI55 LNE55 LXA55 MGW55 MQS55 NAO55 NKK55 NUG55 OEC55 ONY55 OXU55 PHQ55 PRM55 QBI55 QLE55 QVA55 REW55 ROS55 RYO55 SIK55 SSG55 TCC55 TLY55 TVU55 UFQ55 UPM55 UZI55 VJE55 VTA55 WCW55 WMS55 WWO55 AG65591 KC65591 TY65591 ADU65591 ANQ65591 AXM65591 BHI65591 BRE65591 CBA65591 CKW65591 CUS65591 DEO65591 DOK65591 DYG65591 EIC65591 ERY65591 FBU65591 FLQ65591 FVM65591 GFI65591 GPE65591 GZA65591 HIW65591 HSS65591 ICO65591 IMK65591 IWG65591 JGC65591 JPY65591 JZU65591 KJQ65591 KTM65591 LDI65591 LNE65591 LXA65591 MGW65591 MQS65591 NAO65591 NKK65591 NUG65591 OEC65591 ONY65591 OXU65591 PHQ65591 PRM65591 QBI65591 QLE65591 QVA65591 REW65591 ROS65591 RYO65591 SIK65591 SSG65591 TCC65591 TLY65591 TVU65591 UFQ65591 UPM65591 UZI65591 VJE65591 VTA65591 WCW65591 WMS65591 WWO65591 AG131127 KC131127 TY131127 ADU131127 ANQ131127 AXM131127 BHI131127 BRE131127 CBA131127 CKW131127 CUS131127 DEO131127 DOK131127 DYG131127 EIC131127 ERY131127 FBU131127 FLQ131127 FVM131127 GFI131127 GPE131127 GZA131127 HIW131127 HSS131127 ICO131127 IMK131127 IWG131127 JGC131127 JPY131127 JZU131127 KJQ131127 KTM131127 LDI131127 LNE131127 LXA131127 MGW131127 MQS131127 NAO131127 NKK131127 NUG131127 OEC131127 ONY131127 OXU131127 PHQ131127 PRM131127 QBI131127 QLE131127 QVA131127 REW131127 ROS131127 RYO131127 SIK131127 SSG131127 TCC131127 TLY131127 TVU131127 UFQ131127 UPM131127 UZI131127 VJE131127 VTA131127 WCW131127 WMS131127 WWO131127 AG196663 KC196663 TY196663 ADU196663 ANQ196663 AXM196663 BHI196663 BRE196663 CBA196663 CKW196663 CUS196663 DEO196663 DOK196663 DYG196663 EIC196663 ERY196663 FBU196663 FLQ196663 FVM196663 GFI196663 GPE196663 GZA196663 HIW196663 HSS196663 ICO196663 IMK196663 IWG196663 JGC196663 JPY196663 JZU196663 KJQ196663 KTM196663 LDI196663 LNE196663 LXA196663 MGW196663 MQS196663 NAO196663 NKK196663 NUG196663 OEC196663 ONY196663 OXU196663 PHQ196663 PRM196663 QBI196663 QLE196663 QVA196663 REW196663 ROS196663 RYO196663 SIK196663 SSG196663 TCC196663 TLY196663 TVU196663 UFQ196663 UPM196663 UZI196663 VJE196663 VTA196663 WCW196663 WMS196663 WWO196663 AG262199 KC262199 TY262199 ADU262199 ANQ262199 AXM262199 BHI262199 BRE262199 CBA262199 CKW262199 CUS262199 DEO262199 DOK262199 DYG262199 EIC262199 ERY262199 FBU262199 FLQ262199 FVM262199 GFI262199 GPE262199 GZA262199 HIW262199 HSS262199 ICO262199 IMK262199 IWG262199 JGC262199 JPY262199 JZU262199 KJQ262199 KTM262199 LDI262199 LNE262199 LXA262199 MGW262199 MQS262199 NAO262199 NKK262199 NUG262199 OEC262199 ONY262199 OXU262199 PHQ262199 PRM262199 QBI262199 QLE262199 QVA262199 REW262199 ROS262199 RYO262199 SIK262199 SSG262199 TCC262199 TLY262199 TVU262199 UFQ262199 UPM262199 UZI262199 VJE262199 VTA262199 WCW262199 WMS262199 WWO262199 AG327735 KC327735 TY327735 ADU327735 ANQ327735 AXM327735 BHI327735 BRE327735 CBA327735 CKW327735 CUS327735 DEO327735 DOK327735 DYG327735 EIC327735 ERY327735 FBU327735 FLQ327735 FVM327735 GFI327735 GPE327735 GZA327735 HIW327735 HSS327735 ICO327735 IMK327735 IWG327735 JGC327735 JPY327735 JZU327735 KJQ327735 KTM327735 LDI327735 LNE327735 LXA327735 MGW327735 MQS327735 NAO327735 NKK327735 NUG327735 OEC327735 ONY327735 OXU327735 PHQ327735 PRM327735 QBI327735 QLE327735 QVA327735 REW327735 ROS327735 RYO327735 SIK327735 SSG327735 TCC327735 TLY327735 TVU327735 UFQ327735 UPM327735 UZI327735 VJE327735 VTA327735 WCW327735 WMS327735 WWO327735 AG393271 KC393271 TY393271 ADU393271 ANQ393271 AXM393271 BHI393271 BRE393271 CBA393271 CKW393271 CUS393271 DEO393271 DOK393271 DYG393271 EIC393271 ERY393271 FBU393271 FLQ393271 FVM393271 GFI393271 GPE393271 GZA393271 HIW393271 HSS393271 ICO393271 IMK393271 IWG393271 JGC393271 JPY393271 JZU393271 KJQ393271 KTM393271 LDI393271 LNE393271 LXA393271 MGW393271 MQS393271 NAO393271 NKK393271 NUG393271 OEC393271 ONY393271 OXU393271 PHQ393271 PRM393271 QBI393271 QLE393271 QVA393271 REW393271 ROS393271 RYO393271 SIK393271 SSG393271 TCC393271 TLY393271 TVU393271 UFQ393271 UPM393271 UZI393271 VJE393271 VTA393271 WCW393271 WMS393271 WWO393271 AG458807 KC458807 TY458807 ADU458807 ANQ458807 AXM458807 BHI458807 BRE458807 CBA458807 CKW458807 CUS458807 DEO458807 DOK458807 DYG458807 EIC458807 ERY458807 FBU458807 FLQ458807 FVM458807 GFI458807 GPE458807 GZA458807 HIW458807 HSS458807 ICO458807 IMK458807 IWG458807 JGC458807 JPY458807 JZU458807 KJQ458807 KTM458807 LDI458807 LNE458807 LXA458807 MGW458807 MQS458807 NAO458807 NKK458807 NUG458807 OEC458807 ONY458807 OXU458807 PHQ458807 PRM458807 QBI458807 QLE458807 QVA458807 REW458807 ROS458807 RYO458807 SIK458807 SSG458807 TCC458807 TLY458807 TVU458807 UFQ458807 UPM458807 UZI458807 VJE458807 VTA458807 WCW458807 WMS458807 WWO458807 AG524343 KC524343 TY524343 ADU524343 ANQ524343 AXM524343 BHI524343 BRE524343 CBA524343 CKW524343 CUS524343 DEO524343 DOK524343 DYG524343 EIC524343 ERY524343 FBU524343 FLQ524343 FVM524343 GFI524343 GPE524343 GZA524343 HIW524343 HSS524343 ICO524343 IMK524343 IWG524343 JGC524343 JPY524343 JZU524343 KJQ524343 KTM524343 LDI524343 LNE524343 LXA524343 MGW524343 MQS524343 NAO524343 NKK524343 NUG524343 OEC524343 ONY524343 OXU524343 PHQ524343 PRM524343 QBI524343 QLE524343 QVA524343 REW524343 ROS524343 RYO524343 SIK524343 SSG524343 TCC524343 TLY524343 TVU524343 UFQ524343 UPM524343 UZI524343 VJE524343 VTA524343 WCW524343 WMS524343 WWO524343 AG589879 KC589879 TY589879 ADU589879 ANQ589879 AXM589879 BHI589879 BRE589879 CBA589879 CKW589879 CUS589879 DEO589879 DOK589879 DYG589879 EIC589879 ERY589879 FBU589879 FLQ589879 FVM589879 GFI589879 GPE589879 GZA589879 HIW589879 HSS589879 ICO589879 IMK589879 IWG589879 JGC589879 JPY589879 JZU589879 KJQ589879 KTM589879 LDI589879 LNE589879 LXA589879 MGW589879 MQS589879 NAO589879 NKK589879 NUG589879 OEC589879 ONY589879 OXU589879 PHQ589879 PRM589879 QBI589879 QLE589879 QVA589879 REW589879 ROS589879 RYO589879 SIK589879 SSG589879 TCC589879 TLY589879 TVU589879 UFQ589879 UPM589879 UZI589879 VJE589879 VTA589879 WCW589879 WMS589879 WWO589879 AG655415 KC655415 TY655415 ADU655415 ANQ655415 AXM655415 BHI655415 BRE655415 CBA655415 CKW655415 CUS655415 DEO655415 DOK655415 DYG655415 EIC655415 ERY655415 FBU655415 FLQ655415 FVM655415 GFI655415 GPE655415 GZA655415 HIW655415 HSS655415 ICO655415 IMK655415 IWG655415 JGC655415 JPY655415 JZU655415 KJQ655415 KTM655415 LDI655415 LNE655415 LXA655415 MGW655415 MQS655415 NAO655415 NKK655415 NUG655415 OEC655415 ONY655415 OXU655415 PHQ655415 PRM655415 QBI655415 QLE655415 QVA655415 REW655415 ROS655415 RYO655415 SIK655415 SSG655415 TCC655415 TLY655415 TVU655415 UFQ655415 UPM655415 UZI655415 VJE655415 VTA655415 WCW655415 WMS655415 WWO655415 AG720951 KC720951 TY720951 ADU720951 ANQ720951 AXM720951 BHI720951 BRE720951 CBA720951 CKW720951 CUS720951 DEO720951 DOK720951 DYG720951 EIC720951 ERY720951 FBU720951 FLQ720951 FVM720951 GFI720951 GPE720951 GZA720951 HIW720951 HSS720951 ICO720951 IMK720951 IWG720951 JGC720951 JPY720951 JZU720951 KJQ720951 KTM720951 LDI720951 LNE720951 LXA720951 MGW720951 MQS720951 NAO720951 NKK720951 NUG720951 OEC720951 ONY720951 OXU720951 PHQ720951 PRM720951 QBI720951 QLE720951 QVA720951 REW720951 ROS720951 RYO720951 SIK720951 SSG720951 TCC720951 TLY720951 TVU720951 UFQ720951 UPM720951 UZI720951 VJE720951 VTA720951 WCW720951 WMS720951 WWO720951 AG786487 KC786487 TY786487 ADU786487 ANQ786487 AXM786487 BHI786487 BRE786487 CBA786487 CKW786487 CUS786487 DEO786487 DOK786487 DYG786487 EIC786487 ERY786487 FBU786487 FLQ786487 FVM786487 GFI786487 GPE786487 GZA786487 HIW786487 HSS786487 ICO786487 IMK786487 IWG786487 JGC786487 JPY786487 JZU786487 KJQ786487 KTM786487 LDI786487 LNE786487 LXA786487 MGW786487 MQS786487 NAO786487 NKK786487 NUG786487 OEC786487 ONY786487 OXU786487 PHQ786487 PRM786487 QBI786487 QLE786487 QVA786487 REW786487 ROS786487 RYO786487 SIK786487 SSG786487 TCC786487 TLY786487 TVU786487 UFQ786487 UPM786487 UZI786487 VJE786487 VTA786487 WCW786487 WMS786487 WWO786487 AG852023 KC852023 TY852023 ADU852023 ANQ852023 AXM852023 BHI852023 BRE852023 CBA852023 CKW852023 CUS852023 DEO852023 DOK852023 DYG852023 EIC852023 ERY852023 FBU852023 FLQ852023 FVM852023 GFI852023 GPE852023 GZA852023 HIW852023 HSS852023 ICO852023 IMK852023 IWG852023 JGC852023 JPY852023 JZU852023 KJQ852023 KTM852023 LDI852023 LNE852023 LXA852023 MGW852023 MQS852023 NAO852023 NKK852023 NUG852023 OEC852023 ONY852023 OXU852023 PHQ852023 PRM852023 QBI852023 QLE852023 QVA852023 REW852023 ROS852023 RYO852023 SIK852023 SSG852023 TCC852023 TLY852023 TVU852023 UFQ852023 UPM852023 UZI852023 VJE852023 VTA852023 WCW852023 WMS852023 WWO852023 AG917559 KC917559 TY917559 ADU917559 ANQ917559 AXM917559 BHI917559 BRE917559 CBA917559 CKW917559 CUS917559 DEO917559 DOK917559 DYG917559 EIC917559 ERY917559 FBU917559 FLQ917559 FVM917559 GFI917559 GPE917559 GZA917559 HIW917559 HSS917559 ICO917559 IMK917559 IWG917559 JGC917559 JPY917559 JZU917559 KJQ917559 KTM917559 LDI917559 LNE917559 LXA917559 MGW917559 MQS917559 NAO917559 NKK917559 NUG917559 OEC917559 ONY917559 OXU917559 PHQ917559 PRM917559 QBI917559 QLE917559 QVA917559 REW917559 ROS917559 RYO917559 SIK917559 SSG917559 TCC917559 TLY917559 TVU917559 UFQ917559 UPM917559 UZI917559 VJE917559 VTA917559 WCW917559 WMS917559 WWO917559 AG983095 KC983095 TY983095 ADU983095 ANQ983095 AXM983095 BHI983095 BRE983095 CBA983095 CKW983095 CUS983095 DEO983095 DOK983095 DYG983095 EIC983095 ERY983095 FBU983095 FLQ983095 FVM983095 GFI983095 GPE983095 GZA983095 HIW983095 HSS983095 ICO983095 IMK983095 IWG983095 JGC983095 JPY983095 JZU983095 KJQ983095 KTM983095 LDI983095 LNE983095 LXA983095 MGW983095 MQS983095 NAO983095 NKK983095 NUG983095 OEC983095 ONY983095 OXU983095 PHQ983095 PRM983095 QBI983095 QLE983095 QVA983095 REW983095 ROS983095 RYO983095 SIK983095 SSG983095 TCC983095 TLY983095 TVU983095 UFQ983095 UPM983095 UZI983095 VJE983095 VTA983095 WCW983095 WMS983095 WWO983095 AP55 KL55 UH55 AED55 ANZ55 AXV55 BHR55 BRN55 CBJ55 CLF55 CVB55 DEX55 DOT55 DYP55 EIL55 ESH55 FCD55 FLZ55 FVV55 GFR55 GPN55 GZJ55 HJF55 HTB55 ICX55 IMT55 IWP55 JGL55 JQH55 KAD55 KJZ55 KTV55 LDR55 LNN55 LXJ55 MHF55 MRB55 NAX55 NKT55 NUP55 OEL55 OOH55 OYD55 PHZ55 PRV55 QBR55 QLN55 QVJ55 RFF55 RPB55 RYX55 SIT55 SSP55 TCL55 TMH55 TWD55 UFZ55 UPV55 UZR55 VJN55 VTJ55 WDF55 WNB55 WWX55 AP65591 KL65591 UH65591 AED65591 ANZ65591 AXV65591 BHR65591 BRN65591 CBJ65591 CLF65591 CVB65591 DEX65591 DOT65591 DYP65591 EIL65591 ESH65591 FCD65591 FLZ65591 FVV65591 GFR65591 GPN65591 GZJ65591 HJF65591 HTB65591 ICX65591 IMT65591 IWP65591 JGL65591 JQH65591 KAD65591 KJZ65591 KTV65591 LDR65591 LNN65591 LXJ65591 MHF65591 MRB65591 NAX65591 NKT65591 NUP65591 OEL65591 OOH65591 OYD65591 PHZ65591 PRV65591 QBR65591 QLN65591 QVJ65591 RFF65591 RPB65591 RYX65591 SIT65591 SSP65591 TCL65591 TMH65591 TWD65591 UFZ65591 UPV65591 UZR65591 VJN65591 VTJ65591 WDF65591 WNB65591 WWX65591 AP131127 KL131127 UH131127 AED131127 ANZ131127 AXV131127 BHR131127 BRN131127 CBJ131127 CLF131127 CVB131127 DEX131127 DOT131127 DYP131127 EIL131127 ESH131127 FCD131127 FLZ131127 FVV131127 GFR131127 GPN131127 GZJ131127 HJF131127 HTB131127 ICX131127 IMT131127 IWP131127 JGL131127 JQH131127 KAD131127 KJZ131127 KTV131127 LDR131127 LNN131127 LXJ131127 MHF131127 MRB131127 NAX131127 NKT131127 NUP131127 OEL131127 OOH131127 OYD131127 PHZ131127 PRV131127 QBR131127 QLN131127 QVJ131127 RFF131127 RPB131127 RYX131127 SIT131127 SSP131127 TCL131127 TMH131127 TWD131127 UFZ131127 UPV131127 UZR131127 VJN131127 VTJ131127 WDF131127 WNB131127 WWX131127 AP196663 KL196663 UH196663 AED196663 ANZ196663 AXV196663 BHR196663 BRN196663 CBJ196663 CLF196663 CVB196663 DEX196663 DOT196663 DYP196663 EIL196663 ESH196663 FCD196663 FLZ196663 FVV196663 GFR196663 GPN196663 GZJ196663 HJF196663 HTB196663 ICX196663 IMT196663 IWP196663 JGL196663 JQH196663 KAD196663 KJZ196663 KTV196663 LDR196663 LNN196663 LXJ196663 MHF196663 MRB196663 NAX196663 NKT196663 NUP196663 OEL196663 OOH196663 OYD196663 PHZ196663 PRV196663 QBR196663 QLN196663 QVJ196663 RFF196663 RPB196663 RYX196663 SIT196663 SSP196663 TCL196663 TMH196663 TWD196663 UFZ196663 UPV196663 UZR196663 VJN196663 VTJ196663 WDF196663 WNB196663 WWX196663 AP262199 KL262199 UH262199 AED262199 ANZ262199 AXV262199 BHR262199 BRN262199 CBJ262199 CLF262199 CVB262199 DEX262199 DOT262199 DYP262199 EIL262199 ESH262199 FCD262199 FLZ262199 FVV262199 GFR262199 GPN262199 GZJ262199 HJF262199 HTB262199 ICX262199 IMT262199 IWP262199 JGL262199 JQH262199 KAD262199 KJZ262199 KTV262199 LDR262199 LNN262199 LXJ262199 MHF262199 MRB262199 NAX262199 NKT262199 NUP262199 OEL262199 OOH262199 OYD262199 PHZ262199 PRV262199 QBR262199 QLN262199 QVJ262199 RFF262199 RPB262199 RYX262199 SIT262199 SSP262199 TCL262199 TMH262199 TWD262199 UFZ262199 UPV262199 UZR262199 VJN262199 VTJ262199 WDF262199 WNB262199 WWX262199 AP327735 KL327735 UH327735 AED327735 ANZ327735 AXV327735 BHR327735 BRN327735 CBJ327735 CLF327735 CVB327735 DEX327735 DOT327735 DYP327735 EIL327735 ESH327735 FCD327735 FLZ327735 FVV327735 GFR327735 GPN327735 GZJ327735 HJF327735 HTB327735 ICX327735 IMT327735 IWP327735 JGL327735 JQH327735 KAD327735 KJZ327735 KTV327735 LDR327735 LNN327735 LXJ327735 MHF327735 MRB327735 NAX327735 NKT327735 NUP327735 OEL327735 OOH327735 OYD327735 PHZ327735 PRV327735 QBR327735 QLN327735 QVJ327735 RFF327735 RPB327735 RYX327735 SIT327735 SSP327735 TCL327735 TMH327735 TWD327735 UFZ327735 UPV327735 UZR327735 VJN327735 VTJ327735 WDF327735 WNB327735 WWX327735 AP393271 KL393271 UH393271 AED393271 ANZ393271 AXV393271 BHR393271 BRN393271 CBJ393271 CLF393271 CVB393271 DEX393271 DOT393271 DYP393271 EIL393271 ESH393271 FCD393271 FLZ393271 FVV393271 GFR393271 GPN393271 GZJ393271 HJF393271 HTB393271 ICX393271 IMT393271 IWP393271 JGL393271 JQH393271 KAD393271 KJZ393271 KTV393271 LDR393271 LNN393271 LXJ393271 MHF393271 MRB393271 NAX393271 NKT393271 NUP393271 OEL393271 OOH393271 OYD393271 PHZ393271 PRV393271 QBR393271 QLN393271 QVJ393271 RFF393271 RPB393271 RYX393271 SIT393271 SSP393271 TCL393271 TMH393271 TWD393271 UFZ393271 UPV393271 UZR393271 VJN393271 VTJ393271 WDF393271 WNB393271 WWX393271 AP458807 KL458807 UH458807 AED458807 ANZ458807 AXV458807 BHR458807 BRN458807 CBJ458807 CLF458807 CVB458807 DEX458807 DOT458807 DYP458807 EIL458807 ESH458807 FCD458807 FLZ458807 FVV458807 GFR458807 GPN458807 GZJ458807 HJF458807 HTB458807 ICX458807 IMT458807 IWP458807 JGL458807 JQH458807 KAD458807 KJZ458807 KTV458807 LDR458807 LNN458807 LXJ458807 MHF458807 MRB458807 NAX458807 NKT458807 NUP458807 OEL458807 OOH458807 OYD458807 PHZ458807 PRV458807 QBR458807 QLN458807 QVJ458807 RFF458807 RPB458807 RYX458807 SIT458807 SSP458807 TCL458807 TMH458807 TWD458807 UFZ458807 UPV458807 UZR458807 VJN458807 VTJ458807 WDF458807 WNB458807 WWX458807 AP524343 KL524343 UH524343 AED524343 ANZ524343 AXV524343 BHR524343 BRN524343 CBJ524343 CLF524343 CVB524343 DEX524343 DOT524343 DYP524343 EIL524343 ESH524343 FCD524343 FLZ524343 FVV524343 GFR524343 GPN524343 GZJ524343 HJF524343 HTB524343 ICX524343 IMT524343 IWP524343 JGL524343 JQH524343 KAD524343 KJZ524343 KTV524343 LDR524343 LNN524343 LXJ524343 MHF524343 MRB524343 NAX524343 NKT524343 NUP524343 OEL524343 OOH524343 OYD524343 PHZ524343 PRV524343 QBR524343 QLN524343 QVJ524343 RFF524343 RPB524343 RYX524343 SIT524343 SSP524343 TCL524343 TMH524343 TWD524343 UFZ524343 UPV524343 UZR524343 VJN524343 VTJ524343 WDF524343 WNB524343 WWX524343 AP589879 KL589879 UH589879 AED589879 ANZ589879 AXV589879 BHR589879 BRN589879 CBJ589879 CLF589879 CVB589879 DEX589879 DOT589879 DYP589879 EIL589879 ESH589879 FCD589879 FLZ589879 FVV589879 GFR589879 GPN589879 GZJ589879 HJF589879 HTB589879 ICX589879 IMT589879 IWP589879 JGL589879 JQH589879 KAD589879 KJZ589879 KTV589879 LDR589879 LNN589879 LXJ589879 MHF589879 MRB589879 NAX589879 NKT589879 NUP589879 OEL589879 OOH589879 OYD589879 PHZ589879 PRV589879 QBR589879 QLN589879 QVJ589879 RFF589879 RPB589879 RYX589879 SIT589879 SSP589879 TCL589879 TMH589879 TWD589879 UFZ589879 UPV589879 UZR589879 VJN589879 VTJ589879 WDF589879 WNB589879 WWX589879 AP655415 KL655415 UH655415 AED655415 ANZ655415 AXV655415 BHR655415 BRN655415 CBJ655415 CLF655415 CVB655415 DEX655415 DOT655415 DYP655415 EIL655415 ESH655415 FCD655415 FLZ655415 FVV655415 GFR655415 GPN655415 GZJ655415 HJF655415 HTB655415 ICX655415 IMT655415 IWP655415 JGL655415 JQH655415 KAD655415 KJZ655415 KTV655415 LDR655415 LNN655415 LXJ655415 MHF655415 MRB655415 NAX655415 NKT655415 NUP655415 OEL655415 OOH655415 OYD655415 PHZ655415 PRV655415 QBR655415 QLN655415 QVJ655415 RFF655415 RPB655415 RYX655415 SIT655415 SSP655415 TCL655415 TMH655415 TWD655415 UFZ655415 UPV655415 UZR655415 VJN655415 VTJ655415 WDF655415 WNB655415 WWX655415 AP720951 KL720951 UH720951 AED720951 ANZ720951 AXV720951 BHR720951 BRN720951 CBJ720951 CLF720951 CVB720951 DEX720951 DOT720951 DYP720951 EIL720951 ESH720951 FCD720951 FLZ720951 FVV720951 GFR720951 GPN720951 GZJ720951 HJF720951 HTB720951 ICX720951 IMT720951 IWP720951 JGL720951 JQH720951 KAD720951 KJZ720951 KTV720951 LDR720951 LNN720951 LXJ720951 MHF720951 MRB720951 NAX720951 NKT720951 NUP720951 OEL720951 OOH720951 OYD720951 PHZ720951 PRV720951 QBR720951 QLN720951 QVJ720951 RFF720951 RPB720951 RYX720951 SIT720951 SSP720951 TCL720951 TMH720951 TWD720951 UFZ720951 UPV720951 UZR720951 VJN720951 VTJ720951 WDF720951 WNB720951 WWX720951 AP786487 KL786487 UH786487 AED786487 ANZ786487 AXV786487 BHR786487 BRN786487 CBJ786487 CLF786487 CVB786487 DEX786487 DOT786487 DYP786487 EIL786487 ESH786487 FCD786487 FLZ786487 FVV786487 GFR786487 GPN786487 GZJ786487 HJF786487 HTB786487 ICX786487 IMT786487 IWP786487 JGL786487 JQH786487 KAD786487 KJZ786487 KTV786487 LDR786487 LNN786487 LXJ786487 MHF786487 MRB786487 NAX786487 NKT786487 NUP786487 OEL786487 OOH786487 OYD786487 PHZ786487 PRV786487 QBR786487 QLN786487 QVJ786487 RFF786487 RPB786487 RYX786487 SIT786487 SSP786487 TCL786487 TMH786487 TWD786487 UFZ786487 UPV786487 UZR786487 VJN786487 VTJ786487 WDF786487 WNB786487 WWX786487 AP852023 KL852023 UH852023 AED852023 ANZ852023 AXV852023 BHR852023 BRN852023 CBJ852023 CLF852023 CVB852023 DEX852023 DOT852023 DYP852023 EIL852023 ESH852023 FCD852023 FLZ852023 FVV852023 GFR852023 GPN852023 GZJ852023 HJF852023 HTB852023 ICX852023 IMT852023 IWP852023 JGL852023 JQH852023 KAD852023 KJZ852023 KTV852023 LDR852023 LNN852023 LXJ852023 MHF852023 MRB852023 NAX852023 NKT852023 NUP852023 OEL852023 OOH852023 OYD852023 PHZ852023 PRV852023 QBR852023 QLN852023 QVJ852023 RFF852023 RPB852023 RYX852023 SIT852023 SSP852023 TCL852023 TMH852023 TWD852023 UFZ852023 UPV852023 UZR852023 VJN852023 VTJ852023 WDF852023 WNB852023 WWX852023 AP917559 KL917559 UH917559 AED917559 ANZ917559 AXV917559 BHR917559 BRN917559 CBJ917559 CLF917559 CVB917559 DEX917559 DOT917559 DYP917559 EIL917559 ESH917559 FCD917559 FLZ917559 FVV917559 GFR917559 GPN917559 GZJ917559 HJF917559 HTB917559 ICX917559 IMT917559 IWP917559 JGL917559 JQH917559 KAD917559 KJZ917559 KTV917559 LDR917559 LNN917559 LXJ917559 MHF917559 MRB917559 NAX917559 NKT917559 NUP917559 OEL917559 OOH917559 OYD917559 PHZ917559 PRV917559 QBR917559 QLN917559 QVJ917559 RFF917559 RPB917559 RYX917559 SIT917559 SSP917559 TCL917559 TMH917559 TWD917559 UFZ917559 UPV917559 UZR917559 VJN917559 VTJ917559 WDF917559 WNB917559 WWX917559 AP983095 KL983095 UH983095 AED983095 ANZ983095 AXV983095 BHR983095 BRN983095 CBJ983095 CLF983095 CVB983095 DEX983095 DOT983095 DYP983095 EIL983095 ESH983095 FCD983095 FLZ983095 FVV983095 GFR983095 GPN983095 GZJ983095 HJF983095 HTB983095 ICX983095 IMT983095 IWP983095 JGL983095 JQH983095 KAD983095 KJZ983095 KTV983095 LDR983095 LNN983095 LXJ983095 MHF983095 MRB983095 NAX983095 NKT983095 NUP983095 OEL983095 OOH983095 OYD983095 PHZ983095 PRV983095 QBR983095 QLN983095 QVJ983095 RFF983095 RPB983095 RYX983095 SIT983095 SSP983095 TCL983095 TMH983095 TWD983095 UFZ983095 UPV983095 UZR983095 VJN983095 VTJ983095 WDF983095 WNB983095 WWX983095 AY55 KU55 UQ55 AEM55 AOI55 AYE55 BIA55 BRW55 CBS55 CLO55 CVK55 DFG55 DPC55 DYY55 EIU55 ESQ55 FCM55 FMI55 FWE55 GGA55 GPW55 GZS55 HJO55 HTK55 IDG55 INC55 IWY55 JGU55 JQQ55 KAM55 KKI55 KUE55 LEA55 LNW55 LXS55 MHO55 MRK55 NBG55 NLC55 NUY55 OEU55 OOQ55 OYM55 PII55 PSE55 QCA55 QLW55 QVS55 RFO55 RPK55 RZG55 SJC55 SSY55 TCU55 TMQ55 TWM55 UGI55 UQE55 VAA55 VJW55 VTS55 WDO55 WNK55 WXG55 AY65591 KU65591 UQ65591 AEM65591 AOI65591 AYE65591 BIA65591 BRW65591 CBS65591 CLO65591 CVK65591 DFG65591 DPC65591 DYY65591 EIU65591 ESQ65591 FCM65591 FMI65591 FWE65591 GGA65591 GPW65591 GZS65591 HJO65591 HTK65591 IDG65591 INC65591 IWY65591 JGU65591 JQQ65591 KAM65591 KKI65591 KUE65591 LEA65591 LNW65591 LXS65591 MHO65591 MRK65591 NBG65591 NLC65591 NUY65591 OEU65591 OOQ65591 OYM65591 PII65591 PSE65591 QCA65591 QLW65591 QVS65591 RFO65591 RPK65591 RZG65591 SJC65591 SSY65591 TCU65591 TMQ65591 TWM65591 UGI65591 UQE65591 VAA65591 VJW65591 VTS65591 WDO65591 WNK65591 WXG65591 AY131127 KU131127 UQ131127 AEM131127 AOI131127 AYE131127 BIA131127 BRW131127 CBS131127 CLO131127 CVK131127 DFG131127 DPC131127 DYY131127 EIU131127 ESQ131127 FCM131127 FMI131127 FWE131127 GGA131127 GPW131127 GZS131127 HJO131127 HTK131127 IDG131127 INC131127 IWY131127 JGU131127 JQQ131127 KAM131127 KKI131127 KUE131127 LEA131127 LNW131127 LXS131127 MHO131127 MRK131127 NBG131127 NLC131127 NUY131127 OEU131127 OOQ131127 OYM131127 PII131127 PSE131127 QCA131127 QLW131127 QVS131127 RFO131127 RPK131127 RZG131127 SJC131127 SSY131127 TCU131127 TMQ131127 TWM131127 UGI131127 UQE131127 VAA131127 VJW131127 VTS131127 WDO131127 WNK131127 WXG131127 AY196663 KU196663 UQ196663 AEM196663 AOI196663 AYE196663 BIA196663 BRW196663 CBS196663 CLO196663 CVK196663 DFG196663 DPC196663 DYY196663 EIU196663 ESQ196663 FCM196663 FMI196663 FWE196663 GGA196663 GPW196663 GZS196663 HJO196663 HTK196663 IDG196663 INC196663 IWY196663 JGU196663 JQQ196663 KAM196663 KKI196663 KUE196663 LEA196663 LNW196663 LXS196663 MHO196663 MRK196663 NBG196663 NLC196663 NUY196663 OEU196663 OOQ196663 OYM196663 PII196663 PSE196663 QCA196663 QLW196663 QVS196663 RFO196663 RPK196663 RZG196663 SJC196663 SSY196663 TCU196663 TMQ196663 TWM196663 UGI196663 UQE196663 VAA196663 VJW196663 VTS196663 WDO196663 WNK196663 WXG196663 AY262199 KU262199 UQ262199 AEM262199 AOI262199 AYE262199 BIA262199 BRW262199 CBS262199 CLO262199 CVK262199 DFG262199 DPC262199 DYY262199 EIU262199 ESQ262199 FCM262199 FMI262199 FWE262199 GGA262199 GPW262199 GZS262199 HJO262199 HTK262199 IDG262199 INC262199 IWY262199 JGU262199 JQQ262199 KAM262199 KKI262199 KUE262199 LEA262199 LNW262199 LXS262199 MHO262199 MRK262199 NBG262199 NLC262199 NUY262199 OEU262199 OOQ262199 OYM262199 PII262199 PSE262199 QCA262199 QLW262199 QVS262199 RFO262199 RPK262199 RZG262199 SJC262199 SSY262199 TCU262199 TMQ262199 TWM262199 UGI262199 UQE262199 VAA262199 VJW262199 VTS262199 WDO262199 WNK262199 WXG262199 AY327735 KU327735 UQ327735 AEM327735 AOI327735 AYE327735 BIA327735 BRW327735 CBS327735 CLO327735 CVK327735 DFG327735 DPC327735 DYY327735 EIU327735 ESQ327735 FCM327735 FMI327735 FWE327735 GGA327735 GPW327735 GZS327735 HJO327735 HTK327735 IDG327735 INC327735 IWY327735 JGU327735 JQQ327735 KAM327735 KKI327735 KUE327735 LEA327735 LNW327735 LXS327735 MHO327735 MRK327735 NBG327735 NLC327735 NUY327735 OEU327735 OOQ327735 OYM327735 PII327735 PSE327735 QCA327735 QLW327735 QVS327735 RFO327735 RPK327735 RZG327735 SJC327735 SSY327735 TCU327735 TMQ327735 TWM327735 UGI327735 UQE327735 VAA327735 VJW327735 VTS327735 WDO327735 WNK327735 WXG327735 AY393271 KU393271 UQ393271 AEM393271 AOI393271 AYE393271 BIA393271 BRW393271 CBS393271 CLO393271 CVK393271 DFG393271 DPC393271 DYY393271 EIU393271 ESQ393271 FCM393271 FMI393271 FWE393271 GGA393271 GPW393271 GZS393271 HJO393271 HTK393271 IDG393271 INC393271 IWY393271 JGU393271 JQQ393271 KAM393271 KKI393271 KUE393271 LEA393271 LNW393271 LXS393271 MHO393271 MRK393271 NBG393271 NLC393271 NUY393271 OEU393271 OOQ393271 OYM393271 PII393271 PSE393271 QCA393271 QLW393271 QVS393271 RFO393271 RPK393271 RZG393271 SJC393271 SSY393271 TCU393271 TMQ393271 TWM393271 UGI393271 UQE393271 VAA393271 VJW393271 VTS393271 WDO393271 WNK393271 WXG393271 AY458807 KU458807 UQ458807 AEM458807 AOI458807 AYE458807 BIA458807 BRW458807 CBS458807 CLO458807 CVK458807 DFG458807 DPC458807 DYY458807 EIU458807 ESQ458807 FCM458807 FMI458807 FWE458807 GGA458807 GPW458807 GZS458807 HJO458807 HTK458807 IDG458807 INC458807 IWY458807 JGU458807 JQQ458807 KAM458807 KKI458807 KUE458807 LEA458807 LNW458807 LXS458807 MHO458807 MRK458807 NBG458807 NLC458807 NUY458807 OEU458807 OOQ458807 OYM458807 PII458807 PSE458807 QCA458807 QLW458807 QVS458807 RFO458807 RPK458807 RZG458807 SJC458807 SSY458807 TCU458807 TMQ458807 TWM458807 UGI458807 UQE458807 VAA458807 VJW458807 VTS458807 WDO458807 WNK458807 WXG458807 AY524343 KU524343 UQ524343 AEM524343 AOI524343 AYE524343 BIA524343 BRW524343 CBS524343 CLO524343 CVK524343 DFG524343 DPC524343 DYY524343 EIU524343 ESQ524343 FCM524343 FMI524343 FWE524343 GGA524343 GPW524343 GZS524343 HJO524343 HTK524343 IDG524343 INC524343 IWY524343 JGU524343 JQQ524343 KAM524343 KKI524343 KUE524343 LEA524343 LNW524343 LXS524343 MHO524343 MRK524343 NBG524343 NLC524343 NUY524343 OEU524343 OOQ524343 OYM524343 PII524343 PSE524343 QCA524343 QLW524343 QVS524343 RFO524343 RPK524343 RZG524343 SJC524343 SSY524343 TCU524343 TMQ524343 TWM524343 UGI524343 UQE524343 VAA524343 VJW524343 VTS524343 WDO524343 WNK524343 WXG524343 AY589879 KU589879 UQ589879 AEM589879 AOI589879 AYE589879 BIA589879 BRW589879 CBS589879 CLO589879 CVK589879 DFG589879 DPC589879 DYY589879 EIU589879 ESQ589879 FCM589879 FMI589879 FWE589879 GGA589879 GPW589879 GZS589879 HJO589879 HTK589879 IDG589879 INC589879 IWY589879 JGU589879 JQQ589879 KAM589879 KKI589879 KUE589879 LEA589879 LNW589879 LXS589879 MHO589879 MRK589879 NBG589879 NLC589879 NUY589879 OEU589879 OOQ589879 OYM589879 PII589879 PSE589879 QCA589879 QLW589879 QVS589879 RFO589879 RPK589879 RZG589879 SJC589879 SSY589879 TCU589879 TMQ589879 TWM589879 UGI589879 UQE589879 VAA589879 VJW589879 VTS589879 WDO589879 WNK589879 WXG589879 AY655415 KU655415 UQ655415 AEM655415 AOI655415 AYE655415 BIA655415 BRW655415 CBS655415 CLO655415 CVK655415 DFG655415 DPC655415 DYY655415 EIU655415 ESQ655415 FCM655415 FMI655415 FWE655415 GGA655415 GPW655415 GZS655415 HJO655415 HTK655415 IDG655415 INC655415 IWY655415 JGU655415 JQQ655415 KAM655415 KKI655415 KUE655415 LEA655415 LNW655415 LXS655415 MHO655415 MRK655415 NBG655415 NLC655415 NUY655415 OEU655415 OOQ655415 OYM655415 PII655415 PSE655415 QCA655415 QLW655415 QVS655415 RFO655415 RPK655415 RZG655415 SJC655415 SSY655415 TCU655415 TMQ655415 TWM655415 UGI655415 UQE655415 VAA655415 VJW655415 VTS655415 WDO655415 WNK655415 WXG655415 AY720951 KU720951 UQ720951 AEM720951 AOI720951 AYE720951 BIA720951 BRW720951 CBS720951 CLO720951 CVK720951 DFG720951 DPC720951 DYY720951 EIU720951 ESQ720951 FCM720951 FMI720951 FWE720951 GGA720951 GPW720951 GZS720951 HJO720951 HTK720951 IDG720951 INC720951 IWY720951 JGU720951 JQQ720951 KAM720951 KKI720951 KUE720951 LEA720951 LNW720951 LXS720951 MHO720951 MRK720951 NBG720951 NLC720951 NUY720951 OEU720951 OOQ720951 OYM720951 PII720951 PSE720951 QCA720951 QLW720951 QVS720951 RFO720951 RPK720951 RZG720951 SJC720951 SSY720951 TCU720951 TMQ720951 TWM720951 UGI720951 UQE720951 VAA720951 VJW720951 VTS720951 WDO720951 WNK720951 WXG720951 AY786487 KU786487 UQ786487 AEM786487 AOI786487 AYE786487 BIA786487 BRW786487 CBS786487 CLO786487 CVK786487 DFG786487 DPC786487 DYY786487 EIU786487 ESQ786487 FCM786487 FMI786487 FWE786487 GGA786487 GPW786487 GZS786487 HJO786487 HTK786487 IDG786487 INC786487 IWY786487 JGU786487 JQQ786487 KAM786487 KKI786487 KUE786487 LEA786487 LNW786487 LXS786487 MHO786487 MRK786487 NBG786487 NLC786487 NUY786487 OEU786487 OOQ786487 OYM786487 PII786487 PSE786487 QCA786487 QLW786487 QVS786487 RFO786487 RPK786487 RZG786487 SJC786487 SSY786487 TCU786487 TMQ786487 TWM786487 UGI786487 UQE786487 VAA786487 VJW786487 VTS786487 WDO786487 WNK786487 WXG786487 AY852023 KU852023 UQ852023 AEM852023 AOI852023 AYE852023 BIA852023 BRW852023 CBS852023 CLO852023 CVK852023 DFG852023 DPC852023 DYY852023 EIU852023 ESQ852023 FCM852023 FMI852023 FWE852023 GGA852023 GPW852023 GZS852023 HJO852023 HTK852023 IDG852023 INC852023 IWY852023 JGU852023 JQQ852023 KAM852023 KKI852023 KUE852023 LEA852023 LNW852023 LXS852023 MHO852023 MRK852023 NBG852023 NLC852023 NUY852023 OEU852023 OOQ852023 OYM852023 PII852023 PSE852023 QCA852023 QLW852023 QVS852023 RFO852023 RPK852023 RZG852023 SJC852023 SSY852023 TCU852023 TMQ852023 TWM852023 UGI852023 UQE852023 VAA852023 VJW852023 VTS852023 WDO852023 WNK852023 WXG852023 AY917559 KU917559 UQ917559 AEM917559 AOI917559 AYE917559 BIA917559 BRW917559 CBS917559 CLO917559 CVK917559 DFG917559 DPC917559 DYY917559 EIU917559 ESQ917559 FCM917559 FMI917559 FWE917559 GGA917559 GPW917559 GZS917559 HJO917559 HTK917559 IDG917559 INC917559 IWY917559 JGU917559 JQQ917559 KAM917559 KKI917559 KUE917559 LEA917559 LNW917559 LXS917559 MHO917559 MRK917559 NBG917559 NLC917559 NUY917559 OEU917559 OOQ917559 OYM917559 PII917559 PSE917559 QCA917559 QLW917559 QVS917559 RFO917559 RPK917559 RZG917559 SJC917559 SSY917559 TCU917559 TMQ917559 TWM917559 UGI917559 UQE917559 VAA917559 VJW917559 VTS917559 WDO917559 WNK917559 WXG917559 AY983095 KU983095 UQ983095 AEM983095 AOI983095 AYE983095 BIA983095 BRW983095 CBS983095 CLO983095 CVK983095 DFG983095 DPC983095 DYY983095 EIU983095 ESQ983095 FCM983095 FMI983095 FWE983095 GGA983095 GPW983095 GZS983095 HJO983095 HTK983095 IDG983095 INC983095 IWY983095 JGU983095 JQQ983095 KAM983095 KKI983095 KUE983095 LEA983095 LNW983095 LXS983095 MHO983095 MRK983095 NBG983095 NLC983095 NUY983095 OEU983095 OOQ983095 OYM983095 PII983095 PSE983095 QCA983095 QLW983095 QVS983095 RFO983095 RPK983095 RZG983095 SJC983095 SSY983095 TCU983095 TMQ983095 TWM983095 UGI983095 UQE983095 VAA983095 VJW983095 VTS983095 WDO983095 WNK983095 WXG983095" xr:uid="{00000000-0002-0000-0100-00001C000000}"/>
    <dataValidation allowBlank="1" showInputMessage="1" showErrorMessage="1" promptTitle="年間売上高" prompt="○○年度などを併記すると良いでしょう。見やすいように記載してください。（例　平成○○年度　○○○百万円）" sqref="AL8 KH8 UD8 ADZ8 ANV8 AXR8 BHN8 BRJ8 CBF8 CLB8 CUX8 DET8 DOP8 DYL8 EIH8 ESD8 FBZ8 FLV8 FVR8 GFN8 GPJ8 GZF8 HJB8 HSX8 ICT8 IMP8 IWL8 JGH8 JQD8 JZZ8 KJV8 KTR8 LDN8 LNJ8 LXF8 MHB8 MQX8 NAT8 NKP8 NUL8 OEH8 OOD8 OXZ8 PHV8 PRR8 QBN8 QLJ8 QVF8 RFB8 ROX8 RYT8 SIP8 SSL8 TCH8 TMD8 TVZ8 UFV8 UPR8 UZN8 VJJ8 VTF8 WDB8 WMX8 WWT8 AL65544 KH65544 UD65544 ADZ65544 ANV65544 AXR65544 BHN65544 BRJ65544 CBF65544 CLB65544 CUX65544 DET65544 DOP65544 DYL65544 EIH65544 ESD65544 FBZ65544 FLV65544 FVR65544 GFN65544 GPJ65544 GZF65544 HJB65544 HSX65544 ICT65544 IMP65544 IWL65544 JGH65544 JQD65544 JZZ65544 KJV65544 KTR65544 LDN65544 LNJ65544 LXF65544 MHB65544 MQX65544 NAT65544 NKP65544 NUL65544 OEH65544 OOD65544 OXZ65544 PHV65544 PRR65544 QBN65544 QLJ65544 QVF65544 RFB65544 ROX65544 RYT65544 SIP65544 SSL65544 TCH65544 TMD65544 TVZ65544 UFV65544 UPR65544 UZN65544 VJJ65544 VTF65544 WDB65544 WMX65544 WWT65544 AL131080 KH131080 UD131080 ADZ131080 ANV131080 AXR131080 BHN131080 BRJ131080 CBF131080 CLB131080 CUX131080 DET131080 DOP131080 DYL131080 EIH131080 ESD131080 FBZ131080 FLV131080 FVR131080 GFN131080 GPJ131080 GZF131080 HJB131080 HSX131080 ICT131080 IMP131080 IWL131080 JGH131080 JQD131080 JZZ131080 KJV131080 KTR131080 LDN131080 LNJ131080 LXF131080 MHB131080 MQX131080 NAT131080 NKP131080 NUL131080 OEH131080 OOD131080 OXZ131080 PHV131080 PRR131080 QBN131080 QLJ131080 QVF131080 RFB131080 ROX131080 RYT131080 SIP131080 SSL131080 TCH131080 TMD131080 TVZ131080 UFV131080 UPR131080 UZN131080 VJJ131080 VTF131080 WDB131080 WMX131080 WWT131080 AL196616 KH196616 UD196616 ADZ196616 ANV196616 AXR196616 BHN196616 BRJ196616 CBF196616 CLB196616 CUX196616 DET196616 DOP196616 DYL196616 EIH196616 ESD196616 FBZ196616 FLV196616 FVR196616 GFN196616 GPJ196616 GZF196616 HJB196616 HSX196616 ICT196616 IMP196616 IWL196616 JGH196616 JQD196616 JZZ196616 KJV196616 KTR196616 LDN196616 LNJ196616 LXF196616 MHB196616 MQX196616 NAT196616 NKP196616 NUL196616 OEH196616 OOD196616 OXZ196616 PHV196616 PRR196616 QBN196616 QLJ196616 QVF196616 RFB196616 ROX196616 RYT196616 SIP196616 SSL196616 TCH196616 TMD196616 TVZ196616 UFV196616 UPR196616 UZN196616 VJJ196616 VTF196616 WDB196616 WMX196616 WWT196616 AL262152 KH262152 UD262152 ADZ262152 ANV262152 AXR262152 BHN262152 BRJ262152 CBF262152 CLB262152 CUX262152 DET262152 DOP262152 DYL262152 EIH262152 ESD262152 FBZ262152 FLV262152 FVR262152 GFN262152 GPJ262152 GZF262152 HJB262152 HSX262152 ICT262152 IMP262152 IWL262152 JGH262152 JQD262152 JZZ262152 KJV262152 KTR262152 LDN262152 LNJ262152 LXF262152 MHB262152 MQX262152 NAT262152 NKP262152 NUL262152 OEH262152 OOD262152 OXZ262152 PHV262152 PRR262152 QBN262152 QLJ262152 QVF262152 RFB262152 ROX262152 RYT262152 SIP262152 SSL262152 TCH262152 TMD262152 TVZ262152 UFV262152 UPR262152 UZN262152 VJJ262152 VTF262152 WDB262152 WMX262152 WWT262152 AL327688 KH327688 UD327688 ADZ327688 ANV327688 AXR327688 BHN327688 BRJ327688 CBF327688 CLB327688 CUX327688 DET327688 DOP327688 DYL327688 EIH327688 ESD327688 FBZ327688 FLV327688 FVR327688 GFN327688 GPJ327688 GZF327688 HJB327688 HSX327688 ICT327688 IMP327688 IWL327688 JGH327688 JQD327688 JZZ327688 KJV327688 KTR327688 LDN327688 LNJ327688 LXF327688 MHB327688 MQX327688 NAT327688 NKP327688 NUL327688 OEH327688 OOD327688 OXZ327688 PHV327688 PRR327688 QBN327688 QLJ327688 QVF327688 RFB327688 ROX327688 RYT327688 SIP327688 SSL327688 TCH327688 TMD327688 TVZ327688 UFV327688 UPR327688 UZN327688 VJJ327688 VTF327688 WDB327688 WMX327688 WWT327688 AL393224 KH393224 UD393224 ADZ393224 ANV393224 AXR393224 BHN393224 BRJ393224 CBF393224 CLB393224 CUX393224 DET393224 DOP393224 DYL393224 EIH393224 ESD393224 FBZ393224 FLV393224 FVR393224 GFN393224 GPJ393224 GZF393224 HJB393224 HSX393224 ICT393224 IMP393224 IWL393224 JGH393224 JQD393224 JZZ393224 KJV393224 KTR393224 LDN393224 LNJ393224 LXF393224 MHB393224 MQX393224 NAT393224 NKP393224 NUL393224 OEH393224 OOD393224 OXZ393224 PHV393224 PRR393224 QBN393224 QLJ393224 QVF393224 RFB393224 ROX393224 RYT393224 SIP393224 SSL393224 TCH393224 TMD393224 TVZ393224 UFV393224 UPR393224 UZN393224 VJJ393224 VTF393224 WDB393224 WMX393224 WWT393224 AL458760 KH458760 UD458760 ADZ458760 ANV458760 AXR458760 BHN458760 BRJ458760 CBF458760 CLB458760 CUX458760 DET458760 DOP458760 DYL458760 EIH458760 ESD458760 FBZ458760 FLV458760 FVR458760 GFN458760 GPJ458760 GZF458760 HJB458760 HSX458760 ICT458760 IMP458760 IWL458760 JGH458760 JQD458760 JZZ458760 KJV458760 KTR458760 LDN458760 LNJ458760 LXF458760 MHB458760 MQX458760 NAT458760 NKP458760 NUL458760 OEH458760 OOD458760 OXZ458760 PHV458760 PRR458760 QBN458760 QLJ458760 QVF458760 RFB458760 ROX458760 RYT458760 SIP458760 SSL458760 TCH458760 TMD458760 TVZ458760 UFV458760 UPR458760 UZN458760 VJJ458760 VTF458760 WDB458760 WMX458760 WWT458760 AL524296 KH524296 UD524296 ADZ524296 ANV524296 AXR524296 BHN524296 BRJ524296 CBF524296 CLB524296 CUX524296 DET524296 DOP524296 DYL524296 EIH524296 ESD524296 FBZ524296 FLV524296 FVR524296 GFN524296 GPJ524296 GZF524296 HJB524296 HSX524296 ICT524296 IMP524296 IWL524296 JGH524296 JQD524296 JZZ524296 KJV524296 KTR524296 LDN524296 LNJ524296 LXF524296 MHB524296 MQX524296 NAT524296 NKP524296 NUL524296 OEH524296 OOD524296 OXZ524296 PHV524296 PRR524296 QBN524296 QLJ524296 QVF524296 RFB524296 ROX524296 RYT524296 SIP524296 SSL524296 TCH524296 TMD524296 TVZ524296 UFV524296 UPR524296 UZN524296 VJJ524296 VTF524296 WDB524296 WMX524296 WWT524296 AL589832 KH589832 UD589832 ADZ589832 ANV589832 AXR589832 BHN589832 BRJ589832 CBF589832 CLB589832 CUX589832 DET589832 DOP589832 DYL589832 EIH589832 ESD589832 FBZ589832 FLV589832 FVR589832 GFN589832 GPJ589832 GZF589832 HJB589832 HSX589832 ICT589832 IMP589832 IWL589832 JGH589832 JQD589832 JZZ589832 KJV589832 KTR589832 LDN589832 LNJ589832 LXF589832 MHB589832 MQX589832 NAT589832 NKP589832 NUL589832 OEH589832 OOD589832 OXZ589832 PHV589832 PRR589832 QBN589832 QLJ589832 QVF589832 RFB589832 ROX589832 RYT589832 SIP589832 SSL589832 TCH589832 TMD589832 TVZ589832 UFV589832 UPR589832 UZN589832 VJJ589832 VTF589832 WDB589832 WMX589832 WWT589832 AL655368 KH655368 UD655368 ADZ655368 ANV655368 AXR655368 BHN655368 BRJ655368 CBF655368 CLB655368 CUX655368 DET655368 DOP655368 DYL655368 EIH655368 ESD655368 FBZ655368 FLV655368 FVR655368 GFN655368 GPJ655368 GZF655368 HJB655368 HSX655368 ICT655368 IMP655368 IWL655368 JGH655368 JQD655368 JZZ655368 KJV655368 KTR655368 LDN655368 LNJ655368 LXF655368 MHB655368 MQX655368 NAT655368 NKP655368 NUL655368 OEH655368 OOD655368 OXZ655368 PHV655368 PRR655368 QBN655368 QLJ655368 QVF655368 RFB655368 ROX655368 RYT655368 SIP655368 SSL655368 TCH655368 TMD655368 TVZ655368 UFV655368 UPR655368 UZN655368 VJJ655368 VTF655368 WDB655368 WMX655368 WWT655368 AL720904 KH720904 UD720904 ADZ720904 ANV720904 AXR720904 BHN720904 BRJ720904 CBF720904 CLB720904 CUX720904 DET720904 DOP720904 DYL720904 EIH720904 ESD720904 FBZ720904 FLV720904 FVR720904 GFN720904 GPJ720904 GZF720904 HJB720904 HSX720904 ICT720904 IMP720904 IWL720904 JGH720904 JQD720904 JZZ720904 KJV720904 KTR720904 LDN720904 LNJ720904 LXF720904 MHB720904 MQX720904 NAT720904 NKP720904 NUL720904 OEH720904 OOD720904 OXZ720904 PHV720904 PRR720904 QBN720904 QLJ720904 QVF720904 RFB720904 ROX720904 RYT720904 SIP720904 SSL720904 TCH720904 TMD720904 TVZ720904 UFV720904 UPR720904 UZN720904 VJJ720904 VTF720904 WDB720904 WMX720904 WWT720904 AL786440 KH786440 UD786440 ADZ786440 ANV786440 AXR786440 BHN786440 BRJ786440 CBF786440 CLB786440 CUX786440 DET786440 DOP786440 DYL786440 EIH786440 ESD786440 FBZ786440 FLV786440 FVR786440 GFN786440 GPJ786440 GZF786440 HJB786440 HSX786440 ICT786440 IMP786440 IWL786440 JGH786440 JQD786440 JZZ786440 KJV786440 KTR786440 LDN786440 LNJ786440 LXF786440 MHB786440 MQX786440 NAT786440 NKP786440 NUL786440 OEH786440 OOD786440 OXZ786440 PHV786440 PRR786440 QBN786440 QLJ786440 QVF786440 RFB786440 ROX786440 RYT786440 SIP786440 SSL786440 TCH786440 TMD786440 TVZ786440 UFV786440 UPR786440 UZN786440 VJJ786440 VTF786440 WDB786440 WMX786440 WWT786440 AL851976 KH851976 UD851976 ADZ851976 ANV851976 AXR851976 BHN851976 BRJ851976 CBF851976 CLB851976 CUX851976 DET851976 DOP851976 DYL851976 EIH851976 ESD851976 FBZ851976 FLV851976 FVR851976 GFN851976 GPJ851976 GZF851976 HJB851976 HSX851976 ICT851976 IMP851976 IWL851976 JGH851976 JQD851976 JZZ851976 KJV851976 KTR851976 LDN851976 LNJ851976 LXF851976 MHB851976 MQX851976 NAT851976 NKP851976 NUL851976 OEH851976 OOD851976 OXZ851976 PHV851976 PRR851976 QBN851976 QLJ851976 QVF851976 RFB851976 ROX851976 RYT851976 SIP851976 SSL851976 TCH851976 TMD851976 TVZ851976 UFV851976 UPR851976 UZN851976 VJJ851976 VTF851976 WDB851976 WMX851976 WWT851976 AL917512 KH917512 UD917512 ADZ917512 ANV917512 AXR917512 BHN917512 BRJ917512 CBF917512 CLB917512 CUX917512 DET917512 DOP917512 DYL917512 EIH917512 ESD917512 FBZ917512 FLV917512 FVR917512 GFN917512 GPJ917512 GZF917512 HJB917512 HSX917512 ICT917512 IMP917512 IWL917512 JGH917512 JQD917512 JZZ917512 KJV917512 KTR917512 LDN917512 LNJ917512 LXF917512 MHB917512 MQX917512 NAT917512 NKP917512 NUL917512 OEH917512 OOD917512 OXZ917512 PHV917512 PRR917512 QBN917512 QLJ917512 QVF917512 RFB917512 ROX917512 RYT917512 SIP917512 SSL917512 TCH917512 TMD917512 TVZ917512 UFV917512 UPR917512 UZN917512 VJJ917512 VTF917512 WDB917512 WMX917512 WWT917512 AL983048 KH983048 UD983048 ADZ983048 ANV983048 AXR983048 BHN983048 BRJ983048 CBF983048 CLB983048 CUX983048 DET983048 DOP983048 DYL983048 EIH983048 ESD983048 FBZ983048 FLV983048 FVR983048 GFN983048 GPJ983048 GZF983048 HJB983048 HSX983048 ICT983048 IMP983048 IWL983048 JGH983048 JQD983048 JZZ983048 KJV983048 KTR983048 LDN983048 LNJ983048 LXF983048 MHB983048 MQX983048 NAT983048 NKP983048 NUL983048 OEH983048 OOD983048 OXZ983048 PHV983048 PRR983048 QBN983048 QLJ983048 QVF983048 RFB983048 ROX983048 RYT983048 SIP983048 SSL983048 TCH983048 TMD983048 TVZ983048 UFV983048 UPR983048 UZN983048 VJJ983048 VTF983048 WDB983048 WMX983048 WWT983048" xr:uid="{00000000-0002-0000-0100-00001D000000}"/>
    <dataValidation allowBlank="1" showInputMessage="1" showErrorMessage="1" promptTitle="従業員数" prompt="おおよその人数で可。○年○月時点、○年度などを併記すると良いでしょう。" sqref="AY8 KU8 UQ8 AEM8 AOI8 AYE8 BIA8 BRW8 CBS8 CLO8 CVK8 DFG8 DPC8 DYY8 EIU8 ESQ8 FCM8 FMI8 FWE8 GGA8 GPW8 GZS8 HJO8 HTK8 IDG8 INC8 IWY8 JGU8 JQQ8 KAM8 KKI8 KUE8 LEA8 LNW8 LXS8 MHO8 MRK8 NBG8 NLC8 NUY8 OEU8 OOQ8 OYM8 PII8 PSE8 QCA8 QLW8 QVS8 RFO8 RPK8 RZG8 SJC8 SSY8 TCU8 TMQ8 TWM8 UGI8 UQE8 VAA8 VJW8 VTS8 WDO8 WNK8 WXG8 AY65544 KU65544 UQ65544 AEM65544 AOI65544 AYE65544 BIA65544 BRW65544 CBS65544 CLO65544 CVK65544 DFG65544 DPC65544 DYY65544 EIU65544 ESQ65544 FCM65544 FMI65544 FWE65544 GGA65544 GPW65544 GZS65544 HJO65544 HTK65544 IDG65544 INC65544 IWY65544 JGU65544 JQQ65544 KAM65544 KKI65544 KUE65544 LEA65544 LNW65544 LXS65544 MHO65544 MRK65544 NBG65544 NLC65544 NUY65544 OEU65544 OOQ65544 OYM65544 PII65544 PSE65544 QCA65544 QLW65544 QVS65544 RFO65544 RPK65544 RZG65544 SJC65544 SSY65544 TCU65544 TMQ65544 TWM65544 UGI65544 UQE65544 VAA65544 VJW65544 VTS65544 WDO65544 WNK65544 WXG65544 AY131080 KU131080 UQ131080 AEM131080 AOI131080 AYE131080 BIA131080 BRW131080 CBS131080 CLO131080 CVK131080 DFG131080 DPC131080 DYY131080 EIU131080 ESQ131080 FCM131080 FMI131080 FWE131080 GGA131080 GPW131080 GZS131080 HJO131080 HTK131080 IDG131080 INC131080 IWY131080 JGU131080 JQQ131080 KAM131080 KKI131080 KUE131080 LEA131080 LNW131080 LXS131080 MHO131080 MRK131080 NBG131080 NLC131080 NUY131080 OEU131080 OOQ131080 OYM131080 PII131080 PSE131080 QCA131080 QLW131080 QVS131080 RFO131080 RPK131080 RZG131080 SJC131080 SSY131080 TCU131080 TMQ131080 TWM131080 UGI131080 UQE131080 VAA131080 VJW131080 VTS131080 WDO131080 WNK131080 WXG131080 AY196616 KU196616 UQ196616 AEM196616 AOI196616 AYE196616 BIA196616 BRW196616 CBS196616 CLO196616 CVK196616 DFG196616 DPC196616 DYY196616 EIU196616 ESQ196616 FCM196616 FMI196616 FWE196616 GGA196616 GPW196616 GZS196616 HJO196616 HTK196616 IDG196616 INC196616 IWY196616 JGU196616 JQQ196616 KAM196616 KKI196616 KUE196616 LEA196616 LNW196616 LXS196616 MHO196616 MRK196616 NBG196616 NLC196616 NUY196616 OEU196616 OOQ196616 OYM196616 PII196616 PSE196616 QCA196616 QLW196616 QVS196616 RFO196616 RPK196616 RZG196616 SJC196616 SSY196616 TCU196616 TMQ196616 TWM196616 UGI196616 UQE196616 VAA196616 VJW196616 VTS196616 WDO196616 WNK196616 WXG196616 AY262152 KU262152 UQ262152 AEM262152 AOI262152 AYE262152 BIA262152 BRW262152 CBS262152 CLO262152 CVK262152 DFG262152 DPC262152 DYY262152 EIU262152 ESQ262152 FCM262152 FMI262152 FWE262152 GGA262152 GPW262152 GZS262152 HJO262152 HTK262152 IDG262152 INC262152 IWY262152 JGU262152 JQQ262152 KAM262152 KKI262152 KUE262152 LEA262152 LNW262152 LXS262152 MHO262152 MRK262152 NBG262152 NLC262152 NUY262152 OEU262152 OOQ262152 OYM262152 PII262152 PSE262152 QCA262152 QLW262152 QVS262152 RFO262152 RPK262152 RZG262152 SJC262152 SSY262152 TCU262152 TMQ262152 TWM262152 UGI262152 UQE262152 VAA262152 VJW262152 VTS262152 WDO262152 WNK262152 WXG262152 AY327688 KU327688 UQ327688 AEM327688 AOI327688 AYE327688 BIA327688 BRW327688 CBS327688 CLO327688 CVK327688 DFG327688 DPC327688 DYY327688 EIU327688 ESQ327688 FCM327688 FMI327688 FWE327688 GGA327688 GPW327688 GZS327688 HJO327688 HTK327688 IDG327688 INC327688 IWY327688 JGU327688 JQQ327688 KAM327688 KKI327688 KUE327688 LEA327688 LNW327688 LXS327688 MHO327688 MRK327688 NBG327688 NLC327688 NUY327688 OEU327688 OOQ327688 OYM327688 PII327688 PSE327688 QCA327688 QLW327688 QVS327688 RFO327688 RPK327688 RZG327688 SJC327688 SSY327688 TCU327688 TMQ327688 TWM327688 UGI327688 UQE327688 VAA327688 VJW327688 VTS327688 WDO327688 WNK327688 WXG327688 AY393224 KU393224 UQ393224 AEM393224 AOI393224 AYE393224 BIA393224 BRW393224 CBS393224 CLO393224 CVK393224 DFG393224 DPC393224 DYY393224 EIU393224 ESQ393224 FCM393224 FMI393224 FWE393224 GGA393224 GPW393224 GZS393224 HJO393224 HTK393224 IDG393224 INC393224 IWY393224 JGU393224 JQQ393224 KAM393224 KKI393224 KUE393224 LEA393224 LNW393224 LXS393224 MHO393224 MRK393224 NBG393224 NLC393224 NUY393224 OEU393224 OOQ393224 OYM393224 PII393224 PSE393224 QCA393224 QLW393224 QVS393224 RFO393224 RPK393224 RZG393224 SJC393224 SSY393224 TCU393224 TMQ393224 TWM393224 UGI393224 UQE393224 VAA393224 VJW393224 VTS393224 WDO393224 WNK393224 WXG393224 AY458760 KU458760 UQ458760 AEM458760 AOI458760 AYE458760 BIA458760 BRW458760 CBS458760 CLO458760 CVK458760 DFG458760 DPC458760 DYY458760 EIU458760 ESQ458760 FCM458760 FMI458760 FWE458760 GGA458760 GPW458760 GZS458760 HJO458760 HTK458760 IDG458760 INC458760 IWY458760 JGU458760 JQQ458760 KAM458760 KKI458760 KUE458760 LEA458760 LNW458760 LXS458760 MHO458760 MRK458760 NBG458760 NLC458760 NUY458760 OEU458760 OOQ458760 OYM458760 PII458760 PSE458760 QCA458760 QLW458760 QVS458760 RFO458760 RPK458760 RZG458760 SJC458760 SSY458760 TCU458760 TMQ458760 TWM458760 UGI458760 UQE458760 VAA458760 VJW458760 VTS458760 WDO458760 WNK458760 WXG458760 AY524296 KU524296 UQ524296 AEM524296 AOI524296 AYE524296 BIA524296 BRW524296 CBS524296 CLO524296 CVK524296 DFG524296 DPC524296 DYY524296 EIU524296 ESQ524296 FCM524296 FMI524296 FWE524296 GGA524296 GPW524296 GZS524296 HJO524296 HTK524296 IDG524296 INC524296 IWY524296 JGU524296 JQQ524296 KAM524296 KKI524296 KUE524296 LEA524296 LNW524296 LXS524296 MHO524296 MRK524296 NBG524296 NLC524296 NUY524296 OEU524296 OOQ524296 OYM524296 PII524296 PSE524296 QCA524296 QLW524296 QVS524296 RFO524296 RPK524296 RZG524296 SJC524296 SSY524296 TCU524296 TMQ524296 TWM524296 UGI524296 UQE524296 VAA524296 VJW524296 VTS524296 WDO524296 WNK524296 WXG524296 AY589832 KU589832 UQ589832 AEM589832 AOI589832 AYE589832 BIA589832 BRW589832 CBS589832 CLO589832 CVK589832 DFG589832 DPC589832 DYY589832 EIU589832 ESQ589832 FCM589832 FMI589832 FWE589832 GGA589832 GPW589832 GZS589832 HJO589832 HTK589832 IDG589832 INC589832 IWY589832 JGU589832 JQQ589832 KAM589832 KKI589832 KUE589832 LEA589832 LNW589832 LXS589832 MHO589832 MRK589832 NBG589832 NLC589832 NUY589832 OEU589832 OOQ589832 OYM589832 PII589832 PSE589832 QCA589832 QLW589832 QVS589832 RFO589832 RPK589832 RZG589832 SJC589832 SSY589832 TCU589832 TMQ589832 TWM589832 UGI589832 UQE589832 VAA589832 VJW589832 VTS589832 WDO589832 WNK589832 WXG589832 AY655368 KU655368 UQ655368 AEM655368 AOI655368 AYE655368 BIA655368 BRW655368 CBS655368 CLO655368 CVK655368 DFG655368 DPC655368 DYY655368 EIU655368 ESQ655368 FCM655368 FMI655368 FWE655368 GGA655368 GPW655368 GZS655368 HJO655368 HTK655368 IDG655368 INC655368 IWY655368 JGU655368 JQQ655368 KAM655368 KKI655368 KUE655368 LEA655368 LNW655368 LXS655368 MHO655368 MRK655368 NBG655368 NLC655368 NUY655368 OEU655368 OOQ655368 OYM655368 PII655368 PSE655368 QCA655368 QLW655368 QVS655368 RFO655368 RPK655368 RZG655368 SJC655368 SSY655368 TCU655368 TMQ655368 TWM655368 UGI655368 UQE655368 VAA655368 VJW655368 VTS655368 WDO655368 WNK655368 WXG655368 AY720904 KU720904 UQ720904 AEM720904 AOI720904 AYE720904 BIA720904 BRW720904 CBS720904 CLO720904 CVK720904 DFG720904 DPC720904 DYY720904 EIU720904 ESQ720904 FCM720904 FMI720904 FWE720904 GGA720904 GPW720904 GZS720904 HJO720904 HTK720904 IDG720904 INC720904 IWY720904 JGU720904 JQQ720904 KAM720904 KKI720904 KUE720904 LEA720904 LNW720904 LXS720904 MHO720904 MRK720904 NBG720904 NLC720904 NUY720904 OEU720904 OOQ720904 OYM720904 PII720904 PSE720904 QCA720904 QLW720904 QVS720904 RFO720904 RPK720904 RZG720904 SJC720904 SSY720904 TCU720904 TMQ720904 TWM720904 UGI720904 UQE720904 VAA720904 VJW720904 VTS720904 WDO720904 WNK720904 WXG720904 AY786440 KU786440 UQ786440 AEM786440 AOI786440 AYE786440 BIA786440 BRW786440 CBS786440 CLO786440 CVK786440 DFG786440 DPC786440 DYY786440 EIU786440 ESQ786440 FCM786440 FMI786440 FWE786440 GGA786440 GPW786440 GZS786440 HJO786440 HTK786440 IDG786440 INC786440 IWY786440 JGU786440 JQQ786440 KAM786440 KKI786440 KUE786440 LEA786440 LNW786440 LXS786440 MHO786440 MRK786440 NBG786440 NLC786440 NUY786440 OEU786440 OOQ786440 OYM786440 PII786440 PSE786440 QCA786440 QLW786440 QVS786440 RFO786440 RPK786440 RZG786440 SJC786440 SSY786440 TCU786440 TMQ786440 TWM786440 UGI786440 UQE786440 VAA786440 VJW786440 VTS786440 WDO786440 WNK786440 WXG786440 AY851976 KU851976 UQ851976 AEM851976 AOI851976 AYE851976 BIA851976 BRW851976 CBS851976 CLO851976 CVK851976 DFG851976 DPC851976 DYY851976 EIU851976 ESQ851976 FCM851976 FMI851976 FWE851976 GGA851976 GPW851976 GZS851976 HJO851976 HTK851976 IDG851976 INC851976 IWY851976 JGU851976 JQQ851976 KAM851976 KKI851976 KUE851976 LEA851976 LNW851976 LXS851976 MHO851976 MRK851976 NBG851976 NLC851976 NUY851976 OEU851976 OOQ851976 OYM851976 PII851976 PSE851976 QCA851976 QLW851976 QVS851976 RFO851976 RPK851976 RZG851976 SJC851976 SSY851976 TCU851976 TMQ851976 TWM851976 UGI851976 UQE851976 VAA851976 VJW851976 VTS851976 WDO851976 WNK851976 WXG851976 AY917512 KU917512 UQ917512 AEM917512 AOI917512 AYE917512 BIA917512 BRW917512 CBS917512 CLO917512 CVK917512 DFG917512 DPC917512 DYY917512 EIU917512 ESQ917512 FCM917512 FMI917512 FWE917512 GGA917512 GPW917512 GZS917512 HJO917512 HTK917512 IDG917512 INC917512 IWY917512 JGU917512 JQQ917512 KAM917512 KKI917512 KUE917512 LEA917512 LNW917512 LXS917512 MHO917512 MRK917512 NBG917512 NLC917512 NUY917512 OEU917512 OOQ917512 OYM917512 PII917512 PSE917512 QCA917512 QLW917512 QVS917512 RFO917512 RPK917512 RZG917512 SJC917512 SSY917512 TCU917512 TMQ917512 TWM917512 UGI917512 UQE917512 VAA917512 VJW917512 VTS917512 WDO917512 WNK917512 WXG917512 AY983048 KU983048 UQ983048 AEM983048 AOI983048 AYE983048 BIA983048 BRW983048 CBS983048 CLO983048 CVK983048 DFG983048 DPC983048 DYY983048 EIU983048 ESQ983048 FCM983048 FMI983048 FWE983048 GGA983048 GPW983048 GZS983048 HJO983048 HTK983048 IDG983048 INC983048 IWY983048 JGU983048 JQQ983048 KAM983048 KKI983048 KUE983048 LEA983048 LNW983048 LXS983048 MHO983048 MRK983048 NBG983048 NLC983048 NUY983048 OEU983048 OOQ983048 OYM983048 PII983048 PSE983048 QCA983048 QLW983048 QVS983048 RFO983048 RPK983048 RZG983048 SJC983048 SSY983048 TCU983048 TMQ983048 TWM983048 UGI983048 UQE983048 VAA983048 VJW983048 VTS983048 WDO983048 WNK983048 WXG983048" xr:uid="{00000000-0002-0000-0100-00001E000000}"/>
    <dataValidation allowBlank="1" showInputMessage="1" showErrorMessage="1" promptTitle="代表者氏名" prompt="出展企業の代表の役職、氏名をフルネームで記載してください。" sqref="AL10 KH10 UD10 ADZ10 ANV10 AXR10 BHN10 BRJ10 CBF10 CLB10 CUX10 DET10 DOP10 DYL10 EIH10 ESD10 FBZ10 FLV10 FVR10 GFN10 GPJ10 GZF10 HJB10 HSX10 ICT10 IMP10 IWL10 JGH10 JQD10 JZZ10 KJV10 KTR10 LDN10 LNJ10 LXF10 MHB10 MQX10 NAT10 NKP10 NUL10 OEH10 OOD10 OXZ10 PHV10 PRR10 QBN10 QLJ10 QVF10 RFB10 ROX10 RYT10 SIP10 SSL10 TCH10 TMD10 TVZ10 UFV10 UPR10 UZN10 VJJ10 VTF10 WDB10 WMX10 WWT10 AL65546 KH65546 UD65546 ADZ65546 ANV65546 AXR65546 BHN65546 BRJ65546 CBF65546 CLB65546 CUX65546 DET65546 DOP65546 DYL65546 EIH65546 ESD65546 FBZ65546 FLV65546 FVR65546 GFN65546 GPJ65546 GZF65546 HJB65546 HSX65546 ICT65546 IMP65546 IWL65546 JGH65546 JQD65546 JZZ65546 KJV65546 KTR65546 LDN65546 LNJ65546 LXF65546 MHB65546 MQX65546 NAT65546 NKP65546 NUL65546 OEH65546 OOD65546 OXZ65546 PHV65546 PRR65546 QBN65546 QLJ65546 QVF65546 RFB65546 ROX65546 RYT65546 SIP65546 SSL65546 TCH65546 TMD65546 TVZ65546 UFV65546 UPR65546 UZN65546 VJJ65546 VTF65546 WDB65546 WMX65546 WWT65546 AL131082 KH131082 UD131082 ADZ131082 ANV131082 AXR131082 BHN131082 BRJ131082 CBF131082 CLB131082 CUX131082 DET131082 DOP131082 DYL131082 EIH131082 ESD131082 FBZ131082 FLV131082 FVR131082 GFN131082 GPJ131082 GZF131082 HJB131082 HSX131082 ICT131082 IMP131082 IWL131082 JGH131082 JQD131082 JZZ131082 KJV131082 KTR131082 LDN131082 LNJ131082 LXF131082 MHB131082 MQX131082 NAT131082 NKP131082 NUL131082 OEH131082 OOD131082 OXZ131082 PHV131082 PRR131082 QBN131082 QLJ131082 QVF131082 RFB131082 ROX131082 RYT131082 SIP131082 SSL131082 TCH131082 TMD131082 TVZ131082 UFV131082 UPR131082 UZN131082 VJJ131082 VTF131082 WDB131082 WMX131082 WWT131082 AL196618 KH196618 UD196618 ADZ196618 ANV196618 AXR196618 BHN196618 BRJ196618 CBF196618 CLB196618 CUX196618 DET196618 DOP196618 DYL196618 EIH196618 ESD196618 FBZ196618 FLV196618 FVR196618 GFN196618 GPJ196618 GZF196618 HJB196618 HSX196618 ICT196618 IMP196618 IWL196618 JGH196618 JQD196618 JZZ196618 KJV196618 KTR196618 LDN196618 LNJ196618 LXF196618 MHB196618 MQX196618 NAT196618 NKP196618 NUL196618 OEH196618 OOD196618 OXZ196618 PHV196618 PRR196618 QBN196618 QLJ196618 QVF196618 RFB196618 ROX196618 RYT196618 SIP196618 SSL196618 TCH196618 TMD196618 TVZ196618 UFV196618 UPR196618 UZN196618 VJJ196618 VTF196618 WDB196618 WMX196618 WWT196618 AL262154 KH262154 UD262154 ADZ262154 ANV262154 AXR262154 BHN262154 BRJ262154 CBF262154 CLB262154 CUX262154 DET262154 DOP262154 DYL262154 EIH262154 ESD262154 FBZ262154 FLV262154 FVR262154 GFN262154 GPJ262154 GZF262154 HJB262154 HSX262154 ICT262154 IMP262154 IWL262154 JGH262154 JQD262154 JZZ262154 KJV262154 KTR262154 LDN262154 LNJ262154 LXF262154 MHB262154 MQX262154 NAT262154 NKP262154 NUL262154 OEH262154 OOD262154 OXZ262154 PHV262154 PRR262154 QBN262154 QLJ262154 QVF262154 RFB262154 ROX262154 RYT262154 SIP262154 SSL262154 TCH262154 TMD262154 TVZ262154 UFV262154 UPR262154 UZN262154 VJJ262154 VTF262154 WDB262154 WMX262154 WWT262154 AL327690 KH327690 UD327690 ADZ327690 ANV327690 AXR327690 BHN327690 BRJ327690 CBF327690 CLB327690 CUX327690 DET327690 DOP327690 DYL327690 EIH327690 ESD327690 FBZ327690 FLV327690 FVR327690 GFN327690 GPJ327690 GZF327690 HJB327690 HSX327690 ICT327690 IMP327690 IWL327690 JGH327690 JQD327690 JZZ327690 KJV327690 KTR327690 LDN327690 LNJ327690 LXF327690 MHB327690 MQX327690 NAT327690 NKP327690 NUL327690 OEH327690 OOD327690 OXZ327690 PHV327690 PRR327690 QBN327690 QLJ327690 QVF327690 RFB327690 ROX327690 RYT327690 SIP327690 SSL327690 TCH327690 TMD327690 TVZ327690 UFV327690 UPR327690 UZN327690 VJJ327690 VTF327690 WDB327690 WMX327690 WWT327690 AL393226 KH393226 UD393226 ADZ393226 ANV393226 AXR393226 BHN393226 BRJ393226 CBF393226 CLB393226 CUX393226 DET393226 DOP393226 DYL393226 EIH393226 ESD393226 FBZ393226 FLV393226 FVR393226 GFN393226 GPJ393226 GZF393226 HJB393226 HSX393226 ICT393226 IMP393226 IWL393226 JGH393226 JQD393226 JZZ393226 KJV393226 KTR393226 LDN393226 LNJ393226 LXF393226 MHB393226 MQX393226 NAT393226 NKP393226 NUL393226 OEH393226 OOD393226 OXZ393226 PHV393226 PRR393226 QBN393226 QLJ393226 QVF393226 RFB393226 ROX393226 RYT393226 SIP393226 SSL393226 TCH393226 TMD393226 TVZ393226 UFV393226 UPR393226 UZN393226 VJJ393226 VTF393226 WDB393226 WMX393226 WWT393226 AL458762 KH458762 UD458762 ADZ458762 ANV458762 AXR458762 BHN458762 BRJ458762 CBF458762 CLB458762 CUX458762 DET458762 DOP458762 DYL458762 EIH458762 ESD458762 FBZ458762 FLV458762 FVR458762 GFN458762 GPJ458762 GZF458762 HJB458762 HSX458762 ICT458762 IMP458762 IWL458762 JGH458762 JQD458762 JZZ458762 KJV458762 KTR458762 LDN458762 LNJ458762 LXF458762 MHB458762 MQX458762 NAT458762 NKP458762 NUL458762 OEH458762 OOD458762 OXZ458762 PHV458762 PRR458762 QBN458762 QLJ458762 QVF458762 RFB458762 ROX458762 RYT458762 SIP458762 SSL458762 TCH458762 TMD458762 TVZ458762 UFV458762 UPR458762 UZN458762 VJJ458762 VTF458762 WDB458762 WMX458762 WWT458762 AL524298 KH524298 UD524298 ADZ524298 ANV524298 AXR524298 BHN524298 BRJ524298 CBF524298 CLB524298 CUX524298 DET524298 DOP524298 DYL524298 EIH524298 ESD524298 FBZ524298 FLV524298 FVR524298 GFN524298 GPJ524298 GZF524298 HJB524298 HSX524298 ICT524298 IMP524298 IWL524298 JGH524298 JQD524298 JZZ524298 KJV524298 KTR524298 LDN524298 LNJ524298 LXF524298 MHB524298 MQX524298 NAT524298 NKP524298 NUL524298 OEH524298 OOD524298 OXZ524298 PHV524298 PRR524298 QBN524298 QLJ524298 QVF524298 RFB524298 ROX524298 RYT524298 SIP524298 SSL524298 TCH524298 TMD524298 TVZ524298 UFV524298 UPR524298 UZN524298 VJJ524298 VTF524298 WDB524298 WMX524298 WWT524298 AL589834 KH589834 UD589834 ADZ589834 ANV589834 AXR589834 BHN589834 BRJ589834 CBF589834 CLB589834 CUX589834 DET589834 DOP589834 DYL589834 EIH589834 ESD589834 FBZ589834 FLV589834 FVR589834 GFN589834 GPJ589834 GZF589834 HJB589834 HSX589834 ICT589834 IMP589834 IWL589834 JGH589834 JQD589834 JZZ589834 KJV589834 KTR589834 LDN589834 LNJ589834 LXF589834 MHB589834 MQX589834 NAT589834 NKP589834 NUL589834 OEH589834 OOD589834 OXZ589834 PHV589834 PRR589834 QBN589834 QLJ589834 QVF589834 RFB589834 ROX589834 RYT589834 SIP589834 SSL589834 TCH589834 TMD589834 TVZ589834 UFV589834 UPR589834 UZN589834 VJJ589834 VTF589834 WDB589834 WMX589834 WWT589834 AL655370 KH655370 UD655370 ADZ655370 ANV655370 AXR655370 BHN655370 BRJ655370 CBF655370 CLB655370 CUX655370 DET655370 DOP655370 DYL655370 EIH655370 ESD655370 FBZ655370 FLV655370 FVR655370 GFN655370 GPJ655370 GZF655370 HJB655370 HSX655370 ICT655370 IMP655370 IWL655370 JGH655370 JQD655370 JZZ655370 KJV655370 KTR655370 LDN655370 LNJ655370 LXF655370 MHB655370 MQX655370 NAT655370 NKP655370 NUL655370 OEH655370 OOD655370 OXZ655370 PHV655370 PRR655370 QBN655370 QLJ655370 QVF655370 RFB655370 ROX655370 RYT655370 SIP655370 SSL655370 TCH655370 TMD655370 TVZ655370 UFV655370 UPR655370 UZN655370 VJJ655370 VTF655370 WDB655370 WMX655370 WWT655370 AL720906 KH720906 UD720906 ADZ720906 ANV720906 AXR720906 BHN720906 BRJ720906 CBF720906 CLB720906 CUX720906 DET720906 DOP720906 DYL720906 EIH720906 ESD720906 FBZ720906 FLV720906 FVR720906 GFN720906 GPJ720906 GZF720906 HJB720906 HSX720906 ICT720906 IMP720906 IWL720906 JGH720906 JQD720906 JZZ720906 KJV720906 KTR720906 LDN720906 LNJ720906 LXF720906 MHB720906 MQX720906 NAT720906 NKP720906 NUL720906 OEH720906 OOD720906 OXZ720906 PHV720906 PRR720906 QBN720906 QLJ720906 QVF720906 RFB720906 ROX720906 RYT720906 SIP720906 SSL720906 TCH720906 TMD720906 TVZ720906 UFV720906 UPR720906 UZN720906 VJJ720906 VTF720906 WDB720906 WMX720906 WWT720906 AL786442 KH786442 UD786442 ADZ786442 ANV786442 AXR786442 BHN786442 BRJ786442 CBF786442 CLB786442 CUX786442 DET786442 DOP786442 DYL786442 EIH786442 ESD786442 FBZ786442 FLV786442 FVR786442 GFN786442 GPJ786442 GZF786442 HJB786442 HSX786442 ICT786442 IMP786442 IWL786442 JGH786442 JQD786442 JZZ786442 KJV786442 KTR786442 LDN786442 LNJ786442 LXF786442 MHB786442 MQX786442 NAT786442 NKP786442 NUL786442 OEH786442 OOD786442 OXZ786442 PHV786442 PRR786442 QBN786442 QLJ786442 QVF786442 RFB786442 ROX786442 RYT786442 SIP786442 SSL786442 TCH786442 TMD786442 TVZ786442 UFV786442 UPR786442 UZN786442 VJJ786442 VTF786442 WDB786442 WMX786442 WWT786442 AL851978 KH851978 UD851978 ADZ851978 ANV851978 AXR851978 BHN851978 BRJ851978 CBF851978 CLB851978 CUX851978 DET851978 DOP851978 DYL851978 EIH851978 ESD851978 FBZ851978 FLV851978 FVR851978 GFN851978 GPJ851978 GZF851978 HJB851978 HSX851978 ICT851978 IMP851978 IWL851978 JGH851978 JQD851978 JZZ851978 KJV851978 KTR851978 LDN851978 LNJ851978 LXF851978 MHB851978 MQX851978 NAT851978 NKP851978 NUL851978 OEH851978 OOD851978 OXZ851978 PHV851978 PRR851978 QBN851978 QLJ851978 QVF851978 RFB851978 ROX851978 RYT851978 SIP851978 SSL851978 TCH851978 TMD851978 TVZ851978 UFV851978 UPR851978 UZN851978 VJJ851978 VTF851978 WDB851978 WMX851978 WWT851978 AL917514 KH917514 UD917514 ADZ917514 ANV917514 AXR917514 BHN917514 BRJ917514 CBF917514 CLB917514 CUX917514 DET917514 DOP917514 DYL917514 EIH917514 ESD917514 FBZ917514 FLV917514 FVR917514 GFN917514 GPJ917514 GZF917514 HJB917514 HSX917514 ICT917514 IMP917514 IWL917514 JGH917514 JQD917514 JZZ917514 KJV917514 KTR917514 LDN917514 LNJ917514 LXF917514 MHB917514 MQX917514 NAT917514 NKP917514 NUL917514 OEH917514 OOD917514 OXZ917514 PHV917514 PRR917514 QBN917514 QLJ917514 QVF917514 RFB917514 ROX917514 RYT917514 SIP917514 SSL917514 TCH917514 TMD917514 TVZ917514 UFV917514 UPR917514 UZN917514 VJJ917514 VTF917514 WDB917514 WMX917514 WWT917514 AL983050 KH983050 UD983050 ADZ983050 ANV983050 AXR983050 BHN983050 BRJ983050 CBF983050 CLB983050 CUX983050 DET983050 DOP983050 DYL983050 EIH983050 ESD983050 FBZ983050 FLV983050 FVR983050 GFN983050 GPJ983050 GZF983050 HJB983050 HSX983050 ICT983050 IMP983050 IWL983050 JGH983050 JQD983050 JZZ983050 KJV983050 KTR983050 LDN983050 LNJ983050 LXF983050 MHB983050 MQX983050 NAT983050 NKP983050 NUL983050 OEH983050 OOD983050 OXZ983050 PHV983050 PRR983050 QBN983050 QLJ983050 QVF983050 RFB983050 ROX983050 RYT983050 SIP983050 SSL983050 TCH983050 TMD983050 TVZ983050 UFV983050 UPR983050 UZN983050 VJJ983050 VTF983050 WDB983050 WMX983050 WWT983050" xr:uid="{00000000-0002-0000-0100-00001F000000}"/>
    <dataValidation allowBlank="1" showInputMessage="1" showErrorMessage="1" promptTitle="メッセージ" prompt="ここでは、おもて面の商品ではなく、企業姿勢などを記入してください。企業理念・食品事業者としての基本方針・法令遵守への取組方針・食の安全・安心に関する理念・お客様とのコミュニケーション方針・食育などの取組方針など。" sqref="AL12 KH12 UD12 ADZ12 ANV12 AXR12 BHN12 BRJ12 CBF12 CLB12 CUX12 DET12 DOP12 DYL12 EIH12 ESD12 FBZ12 FLV12 FVR12 GFN12 GPJ12 GZF12 HJB12 HSX12 ICT12 IMP12 IWL12 JGH12 JQD12 JZZ12 KJV12 KTR12 LDN12 LNJ12 LXF12 MHB12 MQX12 NAT12 NKP12 NUL12 OEH12 OOD12 OXZ12 PHV12 PRR12 QBN12 QLJ12 QVF12 RFB12 ROX12 RYT12 SIP12 SSL12 TCH12 TMD12 TVZ12 UFV12 UPR12 UZN12 VJJ12 VTF12 WDB12 WMX12 WWT12 AL65548 KH65548 UD65548 ADZ65548 ANV65548 AXR65548 BHN65548 BRJ65548 CBF65548 CLB65548 CUX65548 DET65548 DOP65548 DYL65548 EIH65548 ESD65548 FBZ65548 FLV65548 FVR65548 GFN65548 GPJ65548 GZF65548 HJB65548 HSX65548 ICT65548 IMP65548 IWL65548 JGH65548 JQD65548 JZZ65548 KJV65548 KTR65548 LDN65548 LNJ65548 LXF65548 MHB65548 MQX65548 NAT65548 NKP65548 NUL65548 OEH65548 OOD65548 OXZ65548 PHV65548 PRR65548 QBN65548 QLJ65548 QVF65548 RFB65548 ROX65548 RYT65548 SIP65548 SSL65548 TCH65548 TMD65548 TVZ65548 UFV65548 UPR65548 UZN65548 VJJ65548 VTF65548 WDB65548 WMX65548 WWT65548 AL131084 KH131084 UD131084 ADZ131084 ANV131084 AXR131084 BHN131084 BRJ131084 CBF131084 CLB131084 CUX131084 DET131084 DOP131084 DYL131084 EIH131084 ESD131084 FBZ131084 FLV131084 FVR131084 GFN131084 GPJ131084 GZF131084 HJB131084 HSX131084 ICT131084 IMP131084 IWL131084 JGH131084 JQD131084 JZZ131084 KJV131084 KTR131084 LDN131084 LNJ131084 LXF131084 MHB131084 MQX131084 NAT131084 NKP131084 NUL131084 OEH131084 OOD131084 OXZ131084 PHV131084 PRR131084 QBN131084 QLJ131084 QVF131084 RFB131084 ROX131084 RYT131084 SIP131084 SSL131084 TCH131084 TMD131084 TVZ131084 UFV131084 UPR131084 UZN131084 VJJ131084 VTF131084 WDB131084 WMX131084 WWT131084 AL196620 KH196620 UD196620 ADZ196620 ANV196620 AXR196620 BHN196620 BRJ196620 CBF196620 CLB196620 CUX196620 DET196620 DOP196620 DYL196620 EIH196620 ESD196620 FBZ196620 FLV196620 FVR196620 GFN196620 GPJ196620 GZF196620 HJB196620 HSX196620 ICT196620 IMP196620 IWL196620 JGH196620 JQD196620 JZZ196620 KJV196620 KTR196620 LDN196620 LNJ196620 LXF196620 MHB196620 MQX196620 NAT196620 NKP196620 NUL196620 OEH196620 OOD196620 OXZ196620 PHV196620 PRR196620 QBN196620 QLJ196620 QVF196620 RFB196620 ROX196620 RYT196620 SIP196620 SSL196620 TCH196620 TMD196620 TVZ196620 UFV196620 UPR196620 UZN196620 VJJ196620 VTF196620 WDB196620 WMX196620 WWT196620 AL262156 KH262156 UD262156 ADZ262156 ANV262156 AXR262156 BHN262156 BRJ262156 CBF262156 CLB262156 CUX262156 DET262156 DOP262156 DYL262156 EIH262156 ESD262156 FBZ262156 FLV262156 FVR262156 GFN262156 GPJ262156 GZF262156 HJB262156 HSX262156 ICT262156 IMP262156 IWL262156 JGH262156 JQD262156 JZZ262156 KJV262156 KTR262156 LDN262156 LNJ262156 LXF262156 MHB262156 MQX262156 NAT262156 NKP262156 NUL262156 OEH262156 OOD262156 OXZ262156 PHV262156 PRR262156 QBN262156 QLJ262156 QVF262156 RFB262156 ROX262156 RYT262156 SIP262156 SSL262156 TCH262156 TMD262156 TVZ262156 UFV262156 UPR262156 UZN262156 VJJ262156 VTF262156 WDB262156 WMX262156 WWT262156 AL327692 KH327692 UD327692 ADZ327692 ANV327692 AXR327692 BHN327692 BRJ327692 CBF327692 CLB327692 CUX327692 DET327692 DOP327692 DYL327692 EIH327692 ESD327692 FBZ327692 FLV327692 FVR327692 GFN327692 GPJ327692 GZF327692 HJB327692 HSX327692 ICT327692 IMP327692 IWL327692 JGH327692 JQD327692 JZZ327692 KJV327692 KTR327692 LDN327692 LNJ327692 LXF327692 MHB327692 MQX327692 NAT327692 NKP327692 NUL327692 OEH327692 OOD327692 OXZ327692 PHV327692 PRR327692 QBN327692 QLJ327692 QVF327692 RFB327692 ROX327692 RYT327692 SIP327692 SSL327692 TCH327692 TMD327692 TVZ327692 UFV327692 UPR327692 UZN327692 VJJ327692 VTF327692 WDB327692 WMX327692 WWT327692 AL393228 KH393228 UD393228 ADZ393228 ANV393228 AXR393228 BHN393228 BRJ393228 CBF393228 CLB393228 CUX393228 DET393228 DOP393228 DYL393228 EIH393228 ESD393228 FBZ393228 FLV393228 FVR393228 GFN393228 GPJ393228 GZF393228 HJB393228 HSX393228 ICT393228 IMP393228 IWL393228 JGH393228 JQD393228 JZZ393228 KJV393228 KTR393228 LDN393228 LNJ393228 LXF393228 MHB393228 MQX393228 NAT393228 NKP393228 NUL393228 OEH393228 OOD393228 OXZ393228 PHV393228 PRR393228 QBN393228 QLJ393228 QVF393228 RFB393228 ROX393228 RYT393228 SIP393228 SSL393228 TCH393228 TMD393228 TVZ393228 UFV393228 UPR393228 UZN393228 VJJ393228 VTF393228 WDB393228 WMX393228 WWT393228 AL458764 KH458764 UD458764 ADZ458764 ANV458764 AXR458764 BHN458764 BRJ458764 CBF458764 CLB458764 CUX458764 DET458764 DOP458764 DYL458764 EIH458764 ESD458764 FBZ458764 FLV458764 FVR458764 GFN458764 GPJ458764 GZF458764 HJB458764 HSX458764 ICT458764 IMP458764 IWL458764 JGH458764 JQD458764 JZZ458764 KJV458764 KTR458764 LDN458764 LNJ458764 LXF458764 MHB458764 MQX458764 NAT458764 NKP458764 NUL458764 OEH458764 OOD458764 OXZ458764 PHV458764 PRR458764 QBN458764 QLJ458764 QVF458764 RFB458764 ROX458764 RYT458764 SIP458764 SSL458764 TCH458764 TMD458764 TVZ458764 UFV458764 UPR458764 UZN458764 VJJ458764 VTF458764 WDB458764 WMX458764 WWT458764 AL524300 KH524300 UD524300 ADZ524300 ANV524300 AXR524300 BHN524300 BRJ524300 CBF524300 CLB524300 CUX524300 DET524300 DOP524300 DYL524300 EIH524300 ESD524300 FBZ524300 FLV524300 FVR524300 GFN524300 GPJ524300 GZF524300 HJB524300 HSX524300 ICT524300 IMP524300 IWL524300 JGH524300 JQD524300 JZZ524300 KJV524300 KTR524300 LDN524300 LNJ524300 LXF524300 MHB524300 MQX524300 NAT524300 NKP524300 NUL524300 OEH524300 OOD524300 OXZ524300 PHV524300 PRR524300 QBN524300 QLJ524300 QVF524300 RFB524300 ROX524300 RYT524300 SIP524300 SSL524300 TCH524300 TMD524300 TVZ524300 UFV524300 UPR524300 UZN524300 VJJ524300 VTF524300 WDB524300 WMX524300 WWT524300 AL589836 KH589836 UD589836 ADZ589836 ANV589836 AXR589836 BHN589836 BRJ589836 CBF589836 CLB589836 CUX589836 DET589836 DOP589836 DYL589836 EIH589836 ESD589836 FBZ589836 FLV589836 FVR589836 GFN589836 GPJ589836 GZF589836 HJB589836 HSX589836 ICT589836 IMP589836 IWL589836 JGH589836 JQD589836 JZZ589836 KJV589836 KTR589836 LDN589836 LNJ589836 LXF589836 MHB589836 MQX589836 NAT589836 NKP589836 NUL589836 OEH589836 OOD589836 OXZ589836 PHV589836 PRR589836 QBN589836 QLJ589836 QVF589836 RFB589836 ROX589836 RYT589836 SIP589836 SSL589836 TCH589836 TMD589836 TVZ589836 UFV589836 UPR589836 UZN589836 VJJ589836 VTF589836 WDB589836 WMX589836 WWT589836 AL655372 KH655372 UD655372 ADZ655372 ANV655372 AXR655372 BHN655372 BRJ655372 CBF655372 CLB655372 CUX655372 DET655372 DOP655372 DYL655372 EIH655372 ESD655372 FBZ655372 FLV655372 FVR655372 GFN655372 GPJ655372 GZF655372 HJB655372 HSX655372 ICT655372 IMP655372 IWL655372 JGH655372 JQD655372 JZZ655372 KJV655372 KTR655372 LDN655372 LNJ655372 LXF655372 MHB655372 MQX655372 NAT655372 NKP655372 NUL655372 OEH655372 OOD655372 OXZ655372 PHV655372 PRR655372 QBN655372 QLJ655372 QVF655372 RFB655372 ROX655372 RYT655372 SIP655372 SSL655372 TCH655372 TMD655372 TVZ655372 UFV655372 UPR655372 UZN655372 VJJ655372 VTF655372 WDB655372 WMX655372 WWT655372 AL720908 KH720908 UD720908 ADZ720908 ANV720908 AXR720908 BHN720908 BRJ720908 CBF720908 CLB720908 CUX720908 DET720908 DOP720908 DYL720908 EIH720908 ESD720908 FBZ720908 FLV720908 FVR720908 GFN720908 GPJ720908 GZF720908 HJB720908 HSX720908 ICT720908 IMP720908 IWL720908 JGH720908 JQD720908 JZZ720908 KJV720908 KTR720908 LDN720908 LNJ720908 LXF720908 MHB720908 MQX720908 NAT720908 NKP720908 NUL720908 OEH720908 OOD720908 OXZ720908 PHV720908 PRR720908 QBN720908 QLJ720908 QVF720908 RFB720908 ROX720908 RYT720908 SIP720908 SSL720908 TCH720908 TMD720908 TVZ720908 UFV720908 UPR720908 UZN720908 VJJ720908 VTF720908 WDB720908 WMX720908 WWT720908 AL786444 KH786444 UD786444 ADZ786444 ANV786444 AXR786444 BHN786444 BRJ786444 CBF786444 CLB786444 CUX786444 DET786444 DOP786444 DYL786444 EIH786444 ESD786444 FBZ786444 FLV786444 FVR786444 GFN786444 GPJ786444 GZF786444 HJB786444 HSX786444 ICT786444 IMP786444 IWL786444 JGH786444 JQD786444 JZZ786444 KJV786444 KTR786444 LDN786444 LNJ786444 LXF786444 MHB786444 MQX786444 NAT786444 NKP786444 NUL786444 OEH786444 OOD786444 OXZ786444 PHV786444 PRR786444 QBN786444 QLJ786444 QVF786444 RFB786444 ROX786444 RYT786444 SIP786444 SSL786444 TCH786444 TMD786444 TVZ786444 UFV786444 UPR786444 UZN786444 VJJ786444 VTF786444 WDB786444 WMX786444 WWT786444 AL851980 KH851980 UD851980 ADZ851980 ANV851980 AXR851980 BHN851980 BRJ851980 CBF851980 CLB851980 CUX851980 DET851980 DOP851980 DYL851980 EIH851980 ESD851980 FBZ851980 FLV851980 FVR851980 GFN851980 GPJ851980 GZF851980 HJB851980 HSX851980 ICT851980 IMP851980 IWL851980 JGH851980 JQD851980 JZZ851980 KJV851980 KTR851980 LDN851980 LNJ851980 LXF851980 MHB851980 MQX851980 NAT851980 NKP851980 NUL851980 OEH851980 OOD851980 OXZ851980 PHV851980 PRR851980 QBN851980 QLJ851980 QVF851980 RFB851980 ROX851980 RYT851980 SIP851980 SSL851980 TCH851980 TMD851980 TVZ851980 UFV851980 UPR851980 UZN851980 VJJ851980 VTF851980 WDB851980 WMX851980 WWT851980 AL917516 KH917516 UD917516 ADZ917516 ANV917516 AXR917516 BHN917516 BRJ917516 CBF917516 CLB917516 CUX917516 DET917516 DOP917516 DYL917516 EIH917516 ESD917516 FBZ917516 FLV917516 FVR917516 GFN917516 GPJ917516 GZF917516 HJB917516 HSX917516 ICT917516 IMP917516 IWL917516 JGH917516 JQD917516 JZZ917516 KJV917516 KTR917516 LDN917516 LNJ917516 LXF917516 MHB917516 MQX917516 NAT917516 NKP917516 NUL917516 OEH917516 OOD917516 OXZ917516 PHV917516 PRR917516 QBN917516 QLJ917516 QVF917516 RFB917516 ROX917516 RYT917516 SIP917516 SSL917516 TCH917516 TMD917516 TVZ917516 UFV917516 UPR917516 UZN917516 VJJ917516 VTF917516 WDB917516 WMX917516 WWT917516 AL983052 KH983052 UD983052 ADZ983052 ANV983052 AXR983052 BHN983052 BRJ983052 CBF983052 CLB983052 CUX983052 DET983052 DOP983052 DYL983052 EIH983052 ESD983052 FBZ983052 FLV983052 FVR983052 GFN983052 GPJ983052 GZF983052 HJB983052 HSX983052 ICT983052 IMP983052 IWL983052 JGH983052 JQD983052 JZZ983052 KJV983052 KTR983052 LDN983052 LNJ983052 LXF983052 MHB983052 MQX983052 NAT983052 NKP983052 NUL983052 OEH983052 OOD983052 OXZ983052 PHV983052 PRR983052 QBN983052 QLJ983052 QVF983052 RFB983052 ROX983052 RYT983052 SIP983052 SSL983052 TCH983052 TMD983052 TVZ983052 UFV983052 UPR983052 UZN983052 VJJ983052 VTF983052 WDB983052 WMX983052 WWT983052" xr:uid="{00000000-0002-0000-0100-000020000000}"/>
    <dataValidation imeMode="off" allowBlank="1" showInputMessage="1" showErrorMessage="1" promptTitle="ホームページ" prompt="ホームページのリンク先を記載。ない場合は、「なし」と記載してください。" sqref="AL19 KH19 UD19 ADZ19 ANV19 AXR19 BHN19 BRJ19 CBF19 CLB19 CUX19 DET19 DOP19 DYL19 EIH19 ESD19 FBZ19 FLV19 FVR19 GFN19 GPJ19 GZF19 HJB19 HSX19 ICT19 IMP19 IWL19 JGH19 JQD19 JZZ19 KJV19 KTR19 LDN19 LNJ19 LXF19 MHB19 MQX19 NAT19 NKP19 NUL19 OEH19 OOD19 OXZ19 PHV19 PRR19 QBN19 QLJ19 QVF19 RFB19 ROX19 RYT19 SIP19 SSL19 TCH19 TMD19 TVZ19 UFV19 UPR19 UZN19 VJJ19 VTF19 WDB19 WMX19 WWT19 AL65555 KH65555 UD65555 ADZ65555 ANV65555 AXR65555 BHN65555 BRJ65555 CBF65555 CLB65555 CUX65555 DET65555 DOP65555 DYL65555 EIH65555 ESD65555 FBZ65555 FLV65555 FVR65555 GFN65555 GPJ65555 GZF65555 HJB65555 HSX65555 ICT65555 IMP65555 IWL65555 JGH65555 JQD65555 JZZ65555 KJV65555 KTR65555 LDN65555 LNJ65555 LXF65555 MHB65555 MQX65555 NAT65555 NKP65555 NUL65555 OEH65555 OOD65555 OXZ65555 PHV65555 PRR65555 QBN65555 QLJ65555 QVF65555 RFB65555 ROX65555 RYT65555 SIP65555 SSL65555 TCH65555 TMD65555 TVZ65555 UFV65555 UPR65555 UZN65555 VJJ65555 VTF65555 WDB65555 WMX65555 WWT65555 AL131091 KH131091 UD131091 ADZ131091 ANV131091 AXR131091 BHN131091 BRJ131091 CBF131091 CLB131091 CUX131091 DET131091 DOP131091 DYL131091 EIH131091 ESD131091 FBZ131091 FLV131091 FVR131091 GFN131091 GPJ131091 GZF131091 HJB131091 HSX131091 ICT131091 IMP131091 IWL131091 JGH131091 JQD131091 JZZ131091 KJV131091 KTR131091 LDN131091 LNJ131091 LXF131091 MHB131091 MQX131091 NAT131091 NKP131091 NUL131091 OEH131091 OOD131091 OXZ131091 PHV131091 PRR131091 QBN131091 QLJ131091 QVF131091 RFB131091 ROX131091 RYT131091 SIP131091 SSL131091 TCH131091 TMD131091 TVZ131091 UFV131091 UPR131091 UZN131091 VJJ131091 VTF131091 WDB131091 WMX131091 WWT131091 AL196627 KH196627 UD196627 ADZ196627 ANV196627 AXR196627 BHN196627 BRJ196627 CBF196627 CLB196627 CUX196627 DET196627 DOP196627 DYL196627 EIH196627 ESD196627 FBZ196627 FLV196627 FVR196627 GFN196627 GPJ196627 GZF196627 HJB196627 HSX196627 ICT196627 IMP196627 IWL196627 JGH196627 JQD196627 JZZ196627 KJV196627 KTR196627 LDN196627 LNJ196627 LXF196627 MHB196627 MQX196627 NAT196627 NKP196627 NUL196627 OEH196627 OOD196627 OXZ196627 PHV196627 PRR196627 QBN196627 QLJ196627 QVF196627 RFB196627 ROX196627 RYT196627 SIP196627 SSL196627 TCH196627 TMD196627 TVZ196627 UFV196627 UPR196627 UZN196627 VJJ196627 VTF196627 WDB196627 WMX196627 WWT196627 AL262163 KH262163 UD262163 ADZ262163 ANV262163 AXR262163 BHN262163 BRJ262163 CBF262163 CLB262163 CUX262163 DET262163 DOP262163 DYL262163 EIH262163 ESD262163 FBZ262163 FLV262163 FVR262163 GFN262163 GPJ262163 GZF262163 HJB262163 HSX262163 ICT262163 IMP262163 IWL262163 JGH262163 JQD262163 JZZ262163 KJV262163 KTR262163 LDN262163 LNJ262163 LXF262163 MHB262163 MQX262163 NAT262163 NKP262163 NUL262163 OEH262163 OOD262163 OXZ262163 PHV262163 PRR262163 QBN262163 QLJ262163 QVF262163 RFB262163 ROX262163 RYT262163 SIP262163 SSL262163 TCH262163 TMD262163 TVZ262163 UFV262163 UPR262163 UZN262163 VJJ262163 VTF262163 WDB262163 WMX262163 WWT262163 AL327699 KH327699 UD327699 ADZ327699 ANV327699 AXR327699 BHN327699 BRJ327699 CBF327699 CLB327699 CUX327699 DET327699 DOP327699 DYL327699 EIH327699 ESD327699 FBZ327699 FLV327699 FVR327699 GFN327699 GPJ327699 GZF327699 HJB327699 HSX327699 ICT327699 IMP327699 IWL327699 JGH327699 JQD327699 JZZ327699 KJV327699 KTR327699 LDN327699 LNJ327699 LXF327699 MHB327699 MQX327699 NAT327699 NKP327699 NUL327699 OEH327699 OOD327699 OXZ327699 PHV327699 PRR327699 QBN327699 QLJ327699 QVF327699 RFB327699 ROX327699 RYT327699 SIP327699 SSL327699 TCH327699 TMD327699 TVZ327699 UFV327699 UPR327699 UZN327699 VJJ327699 VTF327699 WDB327699 WMX327699 WWT327699 AL393235 KH393235 UD393235 ADZ393235 ANV393235 AXR393235 BHN393235 BRJ393235 CBF393235 CLB393235 CUX393235 DET393235 DOP393235 DYL393235 EIH393235 ESD393235 FBZ393235 FLV393235 FVR393235 GFN393235 GPJ393235 GZF393235 HJB393235 HSX393235 ICT393235 IMP393235 IWL393235 JGH393235 JQD393235 JZZ393235 KJV393235 KTR393235 LDN393235 LNJ393235 LXF393235 MHB393235 MQX393235 NAT393235 NKP393235 NUL393235 OEH393235 OOD393235 OXZ393235 PHV393235 PRR393235 QBN393235 QLJ393235 QVF393235 RFB393235 ROX393235 RYT393235 SIP393235 SSL393235 TCH393235 TMD393235 TVZ393235 UFV393235 UPR393235 UZN393235 VJJ393235 VTF393235 WDB393235 WMX393235 WWT393235 AL458771 KH458771 UD458771 ADZ458771 ANV458771 AXR458771 BHN458771 BRJ458771 CBF458771 CLB458771 CUX458771 DET458771 DOP458771 DYL458771 EIH458771 ESD458771 FBZ458771 FLV458771 FVR458771 GFN458771 GPJ458771 GZF458771 HJB458771 HSX458771 ICT458771 IMP458771 IWL458771 JGH458771 JQD458771 JZZ458771 KJV458771 KTR458771 LDN458771 LNJ458771 LXF458771 MHB458771 MQX458771 NAT458771 NKP458771 NUL458771 OEH458771 OOD458771 OXZ458771 PHV458771 PRR458771 QBN458771 QLJ458771 QVF458771 RFB458771 ROX458771 RYT458771 SIP458771 SSL458771 TCH458771 TMD458771 TVZ458771 UFV458771 UPR458771 UZN458771 VJJ458771 VTF458771 WDB458771 WMX458771 WWT458771 AL524307 KH524307 UD524307 ADZ524307 ANV524307 AXR524307 BHN524307 BRJ524307 CBF524307 CLB524307 CUX524307 DET524307 DOP524307 DYL524307 EIH524307 ESD524307 FBZ524307 FLV524307 FVR524307 GFN524307 GPJ524307 GZF524307 HJB524307 HSX524307 ICT524307 IMP524307 IWL524307 JGH524307 JQD524307 JZZ524307 KJV524307 KTR524307 LDN524307 LNJ524307 LXF524307 MHB524307 MQX524307 NAT524307 NKP524307 NUL524307 OEH524307 OOD524307 OXZ524307 PHV524307 PRR524307 QBN524307 QLJ524307 QVF524307 RFB524307 ROX524307 RYT524307 SIP524307 SSL524307 TCH524307 TMD524307 TVZ524307 UFV524307 UPR524307 UZN524307 VJJ524307 VTF524307 WDB524307 WMX524307 WWT524307 AL589843 KH589843 UD589843 ADZ589843 ANV589843 AXR589843 BHN589843 BRJ589843 CBF589843 CLB589843 CUX589843 DET589843 DOP589843 DYL589843 EIH589843 ESD589843 FBZ589843 FLV589843 FVR589843 GFN589843 GPJ589843 GZF589843 HJB589843 HSX589843 ICT589843 IMP589843 IWL589843 JGH589843 JQD589843 JZZ589843 KJV589843 KTR589843 LDN589843 LNJ589843 LXF589843 MHB589843 MQX589843 NAT589843 NKP589843 NUL589843 OEH589843 OOD589843 OXZ589843 PHV589843 PRR589843 QBN589843 QLJ589843 QVF589843 RFB589843 ROX589843 RYT589843 SIP589843 SSL589843 TCH589843 TMD589843 TVZ589843 UFV589843 UPR589843 UZN589843 VJJ589843 VTF589843 WDB589843 WMX589843 WWT589843 AL655379 KH655379 UD655379 ADZ655379 ANV655379 AXR655379 BHN655379 BRJ655379 CBF655379 CLB655379 CUX655379 DET655379 DOP655379 DYL655379 EIH655379 ESD655379 FBZ655379 FLV655379 FVR655379 GFN655379 GPJ655379 GZF655379 HJB655379 HSX655379 ICT655379 IMP655379 IWL655379 JGH655379 JQD655379 JZZ655379 KJV655379 KTR655379 LDN655379 LNJ655379 LXF655379 MHB655379 MQX655379 NAT655379 NKP655379 NUL655379 OEH655379 OOD655379 OXZ655379 PHV655379 PRR655379 QBN655379 QLJ655379 QVF655379 RFB655379 ROX655379 RYT655379 SIP655379 SSL655379 TCH655379 TMD655379 TVZ655379 UFV655379 UPR655379 UZN655379 VJJ655379 VTF655379 WDB655379 WMX655379 WWT655379 AL720915 KH720915 UD720915 ADZ720915 ANV720915 AXR720915 BHN720915 BRJ720915 CBF720915 CLB720915 CUX720915 DET720915 DOP720915 DYL720915 EIH720915 ESD720915 FBZ720915 FLV720915 FVR720915 GFN720915 GPJ720915 GZF720915 HJB720915 HSX720915 ICT720915 IMP720915 IWL720915 JGH720915 JQD720915 JZZ720915 KJV720915 KTR720915 LDN720915 LNJ720915 LXF720915 MHB720915 MQX720915 NAT720915 NKP720915 NUL720915 OEH720915 OOD720915 OXZ720915 PHV720915 PRR720915 QBN720915 QLJ720915 QVF720915 RFB720915 ROX720915 RYT720915 SIP720915 SSL720915 TCH720915 TMD720915 TVZ720915 UFV720915 UPR720915 UZN720915 VJJ720915 VTF720915 WDB720915 WMX720915 WWT720915 AL786451 KH786451 UD786451 ADZ786451 ANV786451 AXR786451 BHN786451 BRJ786451 CBF786451 CLB786451 CUX786451 DET786451 DOP786451 DYL786451 EIH786451 ESD786451 FBZ786451 FLV786451 FVR786451 GFN786451 GPJ786451 GZF786451 HJB786451 HSX786451 ICT786451 IMP786451 IWL786451 JGH786451 JQD786451 JZZ786451 KJV786451 KTR786451 LDN786451 LNJ786451 LXF786451 MHB786451 MQX786451 NAT786451 NKP786451 NUL786451 OEH786451 OOD786451 OXZ786451 PHV786451 PRR786451 QBN786451 QLJ786451 QVF786451 RFB786451 ROX786451 RYT786451 SIP786451 SSL786451 TCH786451 TMD786451 TVZ786451 UFV786451 UPR786451 UZN786451 VJJ786451 VTF786451 WDB786451 WMX786451 WWT786451 AL851987 KH851987 UD851987 ADZ851987 ANV851987 AXR851987 BHN851987 BRJ851987 CBF851987 CLB851987 CUX851987 DET851987 DOP851987 DYL851987 EIH851987 ESD851987 FBZ851987 FLV851987 FVR851987 GFN851987 GPJ851987 GZF851987 HJB851987 HSX851987 ICT851987 IMP851987 IWL851987 JGH851987 JQD851987 JZZ851987 KJV851987 KTR851987 LDN851987 LNJ851987 LXF851987 MHB851987 MQX851987 NAT851987 NKP851987 NUL851987 OEH851987 OOD851987 OXZ851987 PHV851987 PRR851987 QBN851987 QLJ851987 QVF851987 RFB851987 ROX851987 RYT851987 SIP851987 SSL851987 TCH851987 TMD851987 TVZ851987 UFV851987 UPR851987 UZN851987 VJJ851987 VTF851987 WDB851987 WMX851987 WWT851987 AL917523 KH917523 UD917523 ADZ917523 ANV917523 AXR917523 BHN917523 BRJ917523 CBF917523 CLB917523 CUX917523 DET917523 DOP917523 DYL917523 EIH917523 ESD917523 FBZ917523 FLV917523 FVR917523 GFN917523 GPJ917523 GZF917523 HJB917523 HSX917523 ICT917523 IMP917523 IWL917523 JGH917523 JQD917523 JZZ917523 KJV917523 KTR917523 LDN917523 LNJ917523 LXF917523 MHB917523 MQX917523 NAT917523 NKP917523 NUL917523 OEH917523 OOD917523 OXZ917523 PHV917523 PRR917523 QBN917523 QLJ917523 QVF917523 RFB917523 ROX917523 RYT917523 SIP917523 SSL917523 TCH917523 TMD917523 TVZ917523 UFV917523 UPR917523 UZN917523 VJJ917523 VTF917523 WDB917523 WMX917523 WWT917523 AL983059 KH983059 UD983059 ADZ983059 ANV983059 AXR983059 BHN983059 BRJ983059 CBF983059 CLB983059 CUX983059 DET983059 DOP983059 DYL983059 EIH983059 ESD983059 FBZ983059 FLV983059 FVR983059 GFN983059 GPJ983059 GZF983059 HJB983059 HSX983059 ICT983059 IMP983059 IWL983059 JGH983059 JQD983059 JZZ983059 KJV983059 KTR983059 LDN983059 LNJ983059 LXF983059 MHB983059 MQX983059 NAT983059 NKP983059 NUL983059 OEH983059 OOD983059 OXZ983059 PHV983059 PRR983059 QBN983059 QLJ983059 QVF983059 RFB983059 ROX983059 RYT983059 SIP983059 SSL983059 TCH983059 TMD983059 TVZ983059 UFV983059 UPR983059 UZN983059 VJJ983059 VTF983059 WDB983059 WMX983059 WWT983059" xr:uid="{00000000-0002-0000-0100-000021000000}"/>
    <dataValidation allowBlank="1" showInputMessage="1" showErrorMessage="1" promptTitle="担当者／E-mail／TEL／FAX" prompt="担当者の連絡先を記載してください。" sqref="AL25 KH25 UD25 ADZ25 ANV25 AXR25 BHN25 BRJ25 CBF25 CLB25 CUX25 DET25 DOP25 DYL25 EIH25 ESD25 FBZ25 FLV25 FVR25 GFN25 GPJ25 GZF25 HJB25 HSX25 ICT25 IMP25 IWL25 JGH25 JQD25 JZZ25 KJV25 KTR25 LDN25 LNJ25 LXF25 MHB25 MQX25 NAT25 NKP25 NUL25 OEH25 OOD25 OXZ25 PHV25 PRR25 QBN25 QLJ25 QVF25 RFB25 ROX25 RYT25 SIP25 SSL25 TCH25 TMD25 TVZ25 UFV25 UPR25 UZN25 VJJ25 VTF25 WDB25 WMX25 WWT25 AL65561 KH65561 UD65561 ADZ65561 ANV65561 AXR65561 BHN65561 BRJ65561 CBF65561 CLB65561 CUX65561 DET65561 DOP65561 DYL65561 EIH65561 ESD65561 FBZ65561 FLV65561 FVR65561 GFN65561 GPJ65561 GZF65561 HJB65561 HSX65561 ICT65561 IMP65561 IWL65561 JGH65561 JQD65561 JZZ65561 KJV65561 KTR65561 LDN65561 LNJ65561 LXF65561 MHB65561 MQX65561 NAT65561 NKP65561 NUL65561 OEH65561 OOD65561 OXZ65561 PHV65561 PRR65561 QBN65561 QLJ65561 QVF65561 RFB65561 ROX65561 RYT65561 SIP65561 SSL65561 TCH65561 TMD65561 TVZ65561 UFV65561 UPR65561 UZN65561 VJJ65561 VTF65561 WDB65561 WMX65561 WWT65561 AL131097 KH131097 UD131097 ADZ131097 ANV131097 AXR131097 BHN131097 BRJ131097 CBF131097 CLB131097 CUX131097 DET131097 DOP131097 DYL131097 EIH131097 ESD131097 FBZ131097 FLV131097 FVR131097 GFN131097 GPJ131097 GZF131097 HJB131097 HSX131097 ICT131097 IMP131097 IWL131097 JGH131097 JQD131097 JZZ131097 KJV131097 KTR131097 LDN131097 LNJ131097 LXF131097 MHB131097 MQX131097 NAT131097 NKP131097 NUL131097 OEH131097 OOD131097 OXZ131097 PHV131097 PRR131097 QBN131097 QLJ131097 QVF131097 RFB131097 ROX131097 RYT131097 SIP131097 SSL131097 TCH131097 TMD131097 TVZ131097 UFV131097 UPR131097 UZN131097 VJJ131097 VTF131097 WDB131097 WMX131097 WWT131097 AL196633 KH196633 UD196633 ADZ196633 ANV196633 AXR196633 BHN196633 BRJ196633 CBF196633 CLB196633 CUX196633 DET196633 DOP196633 DYL196633 EIH196633 ESD196633 FBZ196633 FLV196633 FVR196633 GFN196633 GPJ196633 GZF196633 HJB196633 HSX196633 ICT196633 IMP196633 IWL196633 JGH196633 JQD196633 JZZ196633 KJV196633 KTR196633 LDN196633 LNJ196633 LXF196633 MHB196633 MQX196633 NAT196633 NKP196633 NUL196633 OEH196633 OOD196633 OXZ196633 PHV196633 PRR196633 QBN196633 QLJ196633 QVF196633 RFB196633 ROX196633 RYT196633 SIP196633 SSL196633 TCH196633 TMD196633 TVZ196633 UFV196633 UPR196633 UZN196633 VJJ196633 VTF196633 WDB196633 WMX196633 WWT196633 AL262169 KH262169 UD262169 ADZ262169 ANV262169 AXR262169 BHN262169 BRJ262169 CBF262169 CLB262169 CUX262169 DET262169 DOP262169 DYL262169 EIH262169 ESD262169 FBZ262169 FLV262169 FVR262169 GFN262169 GPJ262169 GZF262169 HJB262169 HSX262169 ICT262169 IMP262169 IWL262169 JGH262169 JQD262169 JZZ262169 KJV262169 KTR262169 LDN262169 LNJ262169 LXF262169 MHB262169 MQX262169 NAT262169 NKP262169 NUL262169 OEH262169 OOD262169 OXZ262169 PHV262169 PRR262169 QBN262169 QLJ262169 QVF262169 RFB262169 ROX262169 RYT262169 SIP262169 SSL262169 TCH262169 TMD262169 TVZ262169 UFV262169 UPR262169 UZN262169 VJJ262169 VTF262169 WDB262169 WMX262169 WWT262169 AL327705 KH327705 UD327705 ADZ327705 ANV327705 AXR327705 BHN327705 BRJ327705 CBF327705 CLB327705 CUX327705 DET327705 DOP327705 DYL327705 EIH327705 ESD327705 FBZ327705 FLV327705 FVR327705 GFN327705 GPJ327705 GZF327705 HJB327705 HSX327705 ICT327705 IMP327705 IWL327705 JGH327705 JQD327705 JZZ327705 KJV327705 KTR327705 LDN327705 LNJ327705 LXF327705 MHB327705 MQX327705 NAT327705 NKP327705 NUL327705 OEH327705 OOD327705 OXZ327705 PHV327705 PRR327705 QBN327705 QLJ327705 QVF327705 RFB327705 ROX327705 RYT327705 SIP327705 SSL327705 TCH327705 TMD327705 TVZ327705 UFV327705 UPR327705 UZN327705 VJJ327705 VTF327705 WDB327705 WMX327705 WWT327705 AL393241 KH393241 UD393241 ADZ393241 ANV393241 AXR393241 BHN393241 BRJ393241 CBF393241 CLB393241 CUX393241 DET393241 DOP393241 DYL393241 EIH393241 ESD393241 FBZ393241 FLV393241 FVR393241 GFN393241 GPJ393241 GZF393241 HJB393241 HSX393241 ICT393241 IMP393241 IWL393241 JGH393241 JQD393241 JZZ393241 KJV393241 KTR393241 LDN393241 LNJ393241 LXF393241 MHB393241 MQX393241 NAT393241 NKP393241 NUL393241 OEH393241 OOD393241 OXZ393241 PHV393241 PRR393241 QBN393241 QLJ393241 QVF393241 RFB393241 ROX393241 RYT393241 SIP393241 SSL393241 TCH393241 TMD393241 TVZ393241 UFV393241 UPR393241 UZN393241 VJJ393241 VTF393241 WDB393241 WMX393241 WWT393241 AL458777 KH458777 UD458777 ADZ458777 ANV458777 AXR458777 BHN458777 BRJ458777 CBF458777 CLB458777 CUX458777 DET458777 DOP458777 DYL458777 EIH458777 ESD458777 FBZ458777 FLV458777 FVR458777 GFN458777 GPJ458777 GZF458777 HJB458777 HSX458777 ICT458777 IMP458777 IWL458777 JGH458777 JQD458777 JZZ458777 KJV458777 KTR458777 LDN458777 LNJ458777 LXF458777 MHB458777 MQX458777 NAT458777 NKP458777 NUL458777 OEH458777 OOD458777 OXZ458777 PHV458777 PRR458777 QBN458777 QLJ458777 QVF458777 RFB458777 ROX458777 RYT458777 SIP458777 SSL458777 TCH458777 TMD458777 TVZ458777 UFV458777 UPR458777 UZN458777 VJJ458777 VTF458777 WDB458777 WMX458777 WWT458777 AL524313 KH524313 UD524313 ADZ524313 ANV524313 AXR524313 BHN524313 BRJ524313 CBF524313 CLB524313 CUX524313 DET524313 DOP524313 DYL524313 EIH524313 ESD524313 FBZ524313 FLV524313 FVR524313 GFN524313 GPJ524313 GZF524313 HJB524313 HSX524313 ICT524313 IMP524313 IWL524313 JGH524313 JQD524313 JZZ524313 KJV524313 KTR524313 LDN524313 LNJ524313 LXF524313 MHB524313 MQX524313 NAT524313 NKP524313 NUL524313 OEH524313 OOD524313 OXZ524313 PHV524313 PRR524313 QBN524313 QLJ524313 QVF524313 RFB524313 ROX524313 RYT524313 SIP524313 SSL524313 TCH524313 TMD524313 TVZ524313 UFV524313 UPR524313 UZN524313 VJJ524313 VTF524313 WDB524313 WMX524313 WWT524313 AL589849 KH589849 UD589849 ADZ589849 ANV589849 AXR589849 BHN589849 BRJ589849 CBF589849 CLB589849 CUX589849 DET589849 DOP589849 DYL589849 EIH589849 ESD589849 FBZ589849 FLV589849 FVR589849 GFN589849 GPJ589849 GZF589849 HJB589849 HSX589849 ICT589849 IMP589849 IWL589849 JGH589849 JQD589849 JZZ589849 KJV589849 KTR589849 LDN589849 LNJ589849 LXF589849 MHB589849 MQX589849 NAT589849 NKP589849 NUL589849 OEH589849 OOD589849 OXZ589849 PHV589849 PRR589849 QBN589849 QLJ589849 QVF589849 RFB589849 ROX589849 RYT589849 SIP589849 SSL589849 TCH589849 TMD589849 TVZ589849 UFV589849 UPR589849 UZN589849 VJJ589849 VTF589849 WDB589849 WMX589849 WWT589849 AL655385 KH655385 UD655385 ADZ655385 ANV655385 AXR655385 BHN655385 BRJ655385 CBF655385 CLB655385 CUX655385 DET655385 DOP655385 DYL655385 EIH655385 ESD655385 FBZ655385 FLV655385 FVR655385 GFN655385 GPJ655385 GZF655385 HJB655385 HSX655385 ICT655385 IMP655385 IWL655385 JGH655385 JQD655385 JZZ655385 KJV655385 KTR655385 LDN655385 LNJ655385 LXF655385 MHB655385 MQX655385 NAT655385 NKP655385 NUL655385 OEH655385 OOD655385 OXZ655385 PHV655385 PRR655385 QBN655385 QLJ655385 QVF655385 RFB655385 ROX655385 RYT655385 SIP655385 SSL655385 TCH655385 TMD655385 TVZ655385 UFV655385 UPR655385 UZN655385 VJJ655385 VTF655385 WDB655385 WMX655385 WWT655385 AL720921 KH720921 UD720921 ADZ720921 ANV720921 AXR720921 BHN720921 BRJ720921 CBF720921 CLB720921 CUX720921 DET720921 DOP720921 DYL720921 EIH720921 ESD720921 FBZ720921 FLV720921 FVR720921 GFN720921 GPJ720921 GZF720921 HJB720921 HSX720921 ICT720921 IMP720921 IWL720921 JGH720921 JQD720921 JZZ720921 KJV720921 KTR720921 LDN720921 LNJ720921 LXF720921 MHB720921 MQX720921 NAT720921 NKP720921 NUL720921 OEH720921 OOD720921 OXZ720921 PHV720921 PRR720921 QBN720921 QLJ720921 QVF720921 RFB720921 ROX720921 RYT720921 SIP720921 SSL720921 TCH720921 TMD720921 TVZ720921 UFV720921 UPR720921 UZN720921 VJJ720921 VTF720921 WDB720921 WMX720921 WWT720921 AL786457 KH786457 UD786457 ADZ786457 ANV786457 AXR786457 BHN786457 BRJ786457 CBF786457 CLB786457 CUX786457 DET786457 DOP786457 DYL786457 EIH786457 ESD786457 FBZ786457 FLV786457 FVR786457 GFN786457 GPJ786457 GZF786457 HJB786457 HSX786457 ICT786457 IMP786457 IWL786457 JGH786457 JQD786457 JZZ786457 KJV786457 KTR786457 LDN786457 LNJ786457 LXF786457 MHB786457 MQX786457 NAT786457 NKP786457 NUL786457 OEH786457 OOD786457 OXZ786457 PHV786457 PRR786457 QBN786457 QLJ786457 QVF786457 RFB786457 ROX786457 RYT786457 SIP786457 SSL786457 TCH786457 TMD786457 TVZ786457 UFV786457 UPR786457 UZN786457 VJJ786457 VTF786457 WDB786457 WMX786457 WWT786457 AL851993 KH851993 UD851993 ADZ851993 ANV851993 AXR851993 BHN851993 BRJ851993 CBF851993 CLB851993 CUX851993 DET851993 DOP851993 DYL851993 EIH851993 ESD851993 FBZ851993 FLV851993 FVR851993 GFN851993 GPJ851993 GZF851993 HJB851993 HSX851993 ICT851993 IMP851993 IWL851993 JGH851993 JQD851993 JZZ851993 KJV851993 KTR851993 LDN851993 LNJ851993 LXF851993 MHB851993 MQX851993 NAT851993 NKP851993 NUL851993 OEH851993 OOD851993 OXZ851993 PHV851993 PRR851993 QBN851993 QLJ851993 QVF851993 RFB851993 ROX851993 RYT851993 SIP851993 SSL851993 TCH851993 TMD851993 TVZ851993 UFV851993 UPR851993 UZN851993 VJJ851993 VTF851993 WDB851993 WMX851993 WWT851993 AL917529 KH917529 UD917529 ADZ917529 ANV917529 AXR917529 BHN917529 BRJ917529 CBF917529 CLB917529 CUX917529 DET917529 DOP917529 DYL917529 EIH917529 ESD917529 FBZ917529 FLV917529 FVR917529 GFN917529 GPJ917529 GZF917529 HJB917529 HSX917529 ICT917529 IMP917529 IWL917529 JGH917529 JQD917529 JZZ917529 KJV917529 KTR917529 LDN917529 LNJ917529 LXF917529 MHB917529 MQX917529 NAT917529 NKP917529 NUL917529 OEH917529 OOD917529 OXZ917529 PHV917529 PRR917529 QBN917529 QLJ917529 QVF917529 RFB917529 ROX917529 RYT917529 SIP917529 SSL917529 TCH917529 TMD917529 TVZ917529 UFV917529 UPR917529 UZN917529 VJJ917529 VTF917529 WDB917529 WMX917529 WWT917529 AL983065 KH983065 UD983065 ADZ983065 ANV983065 AXR983065 BHN983065 BRJ983065 CBF983065 CLB983065 CUX983065 DET983065 DOP983065 DYL983065 EIH983065 ESD983065 FBZ983065 FLV983065 FVR983065 GFN983065 GPJ983065 GZF983065 HJB983065 HSX983065 ICT983065 IMP983065 IWL983065 JGH983065 JQD983065 JZZ983065 KJV983065 KTR983065 LDN983065 LNJ983065 LXF983065 MHB983065 MQX983065 NAT983065 NKP983065 NUL983065 OEH983065 OOD983065 OXZ983065 PHV983065 PRR983065 QBN983065 QLJ983065 QVF983065 RFB983065 ROX983065 RYT983065 SIP983065 SSL983065 TCH983065 TMD983065 TVZ983065 UFV983065 UPR983065 UZN983065 VJJ983065 VTF983065 WDB983065 WMX983065 WWT983065" xr:uid="{00000000-0002-0000-0100-000022000000}"/>
    <dataValidation allowBlank="1" showInputMessage="1" showErrorMessage="1" promptTitle="代表者写真" prompt="代表者の写真を貼付してください。_x000a_この写真があるのとないのではシートの印象も違います。" sqref="AY10 KU10 UQ10 AEM10 AOI10 AYE10 BIA10 BRW10 CBS10 CLO10 CVK10 DFG10 DPC10 DYY10 EIU10 ESQ10 FCM10 FMI10 FWE10 GGA10 GPW10 GZS10 HJO10 HTK10 IDG10 INC10 IWY10 JGU10 JQQ10 KAM10 KKI10 KUE10 LEA10 LNW10 LXS10 MHO10 MRK10 NBG10 NLC10 NUY10 OEU10 OOQ10 OYM10 PII10 PSE10 QCA10 QLW10 QVS10 RFO10 RPK10 RZG10 SJC10 SSY10 TCU10 TMQ10 TWM10 UGI10 UQE10 VAA10 VJW10 VTS10 WDO10 WNK10 WXG10 AY65546 KU65546 UQ65546 AEM65546 AOI65546 AYE65546 BIA65546 BRW65546 CBS65546 CLO65546 CVK65546 DFG65546 DPC65546 DYY65546 EIU65546 ESQ65546 FCM65546 FMI65546 FWE65546 GGA65546 GPW65546 GZS65546 HJO65546 HTK65546 IDG65546 INC65546 IWY65546 JGU65546 JQQ65546 KAM65546 KKI65546 KUE65546 LEA65546 LNW65546 LXS65546 MHO65546 MRK65546 NBG65546 NLC65546 NUY65546 OEU65546 OOQ65546 OYM65546 PII65546 PSE65546 QCA65546 QLW65546 QVS65546 RFO65546 RPK65546 RZG65546 SJC65546 SSY65546 TCU65546 TMQ65546 TWM65546 UGI65546 UQE65546 VAA65546 VJW65546 VTS65546 WDO65546 WNK65546 WXG65546 AY131082 KU131082 UQ131082 AEM131082 AOI131082 AYE131082 BIA131082 BRW131082 CBS131082 CLO131082 CVK131082 DFG131082 DPC131082 DYY131082 EIU131082 ESQ131082 FCM131082 FMI131082 FWE131082 GGA131082 GPW131082 GZS131082 HJO131082 HTK131082 IDG131082 INC131082 IWY131082 JGU131082 JQQ131082 KAM131082 KKI131082 KUE131082 LEA131082 LNW131082 LXS131082 MHO131082 MRK131082 NBG131082 NLC131082 NUY131082 OEU131082 OOQ131082 OYM131082 PII131082 PSE131082 QCA131082 QLW131082 QVS131082 RFO131082 RPK131082 RZG131082 SJC131082 SSY131082 TCU131082 TMQ131082 TWM131082 UGI131082 UQE131082 VAA131082 VJW131082 VTS131082 WDO131082 WNK131082 WXG131082 AY196618 KU196618 UQ196618 AEM196618 AOI196618 AYE196618 BIA196618 BRW196618 CBS196618 CLO196618 CVK196618 DFG196618 DPC196618 DYY196618 EIU196618 ESQ196618 FCM196618 FMI196618 FWE196618 GGA196618 GPW196618 GZS196618 HJO196618 HTK196618 IDG196618 INC196618 IWY196618 JGU196618 JQQ196618 KAM196618 KKI196618 KUE196618 LEA196618 LNW196618 LXS196618 MHO196618 MRK196618 NBG196618 NLC196618 NUY196618 OEU196618 OOQ196618 OYM196618 PII196618 PSE196618 QCA196618 QLW196618 QVS196618 RFO196618 RPK196618 RZG196618 SJC196618 SSY196618 TCU196618 TMQ196618 TWM196618 UGI196618 UQE196618 VAA196618 VJW196618 VTS196618 WDO196618 WNK196618 WXG196618 AY262154 KU262154 UQ262154 AEM262154 AOI262154 AYE262154 BIA262154 BRW262154 CBS262154 CLO262154 CVK262154 DFG262154 DPC262154 DYY262154 EIU262154 ESQ262154 FCM262154 FMI262154 FWE262154 GGA262154 GPW262154 GZS262154 HJO262154 HTK262154 IDG262154 INC262154 IWY262154 JGU262154 JQQ262154 KAM262154 KKI262154 KUE262154 LEA262154 LNW262154 LXS262154 MHO262154 MRK262154 NBG262154 NLC262154 NUY262154 OEU262154 OOQ262154 OYM262154 PII262154 PSE262154 QCA262154 QLW262154 QVS262154 RFO262154 RPK262154 RZG262154 SJC262154 SSY262154 TCU262154 TMQ262154 TWM262154 UGI262154 UQE262154 VAA262154 VJW262154 VTS262154 WDO262154 WNK262154 WXG262154 AY327690 KU327690 UQ327690 AEM327690 AOI327690 AYE327690 BIA327690 BRW327690 CBS327690 CLO327690 CVK327690 DFG327690 DPC327690 DYY327690 EIU327690 ESQ327690 FCM327690 FMI327690 FWE327690 GGA327690 GPW327690 GZS327690 HJO327690 HTK327690 IDG327690 INC327690 IWY327690 JGU327690 JQQ327690 KAM327690 KKI327690 KUE327690 LEA327690 LNW327690 LXS327690 MHO327690 MRK327690 NBG327690 NLC327690 NUY327690 OEU327690 OOQ327690 OYM327690 PII327690 PSE327690 QCA327690 QLW327690 QVS327690 RFO327690 RPK327690 RZG327690 SJC327690 SSY327690 TCU327690 TMQ327690 TWM327690 UGI327690 UQE327690 VAA327690 VJW327690 VTS327690 WDO327690 WNK327690 WXG327690 AY393226 KU393226 UQ393226 AEM393226 AOI393226 AYE393226 BIA393226 BRW393226 CBS393226 CLO393226 CVK393226 DFG393226 DPC393226 DYY393226 EIU393226 ESQ393226 FCM393226 FMI393226 FWE393226 GGA393226 GPW393226 GZS393226 HJO393226 HTK393226 IDG393226 INC393226 IWY393226 JGU393226 JQQ393226 KAM393226 KKI393226 KUE393226 LEA393226 LNW393226 LXS393226 MHO393226 MRK393226 NBG393226 NLC393226 NUY393226 OEU393226 OOQ393226 OYM393226 PII393226 PSE393226 QCA393226 QLW393226 QVS393226 RFO393226 RPK393226 RZG393226 SJC393226 SSY393226 TCU393226 TMQ393226 TWM393226 UGI393226 UQE393226 VAA393226 VJW393226 VTS393226 WDO393226 WNK393226 WXG393226 AY458762 KU458762 UQ458762 AEM458762 AOI458762 AYE458762 BIA458762 BRW458762 CBS458762 CLO458762 CVK458762 DFG458762 DPC458762 DYY458762 EIU458762 ESQ458762 FCM458762 FMI458762 FWE458762 GGA458762 GPW458762 GZS458762 HJO458762 HTK458762 IDG458762 INC458762 IWY458762 JGU458762 JQQ458762 KAM458762 KKI458762 KUE458762 LEA458762 LNW458762 LXS458762 MHO458762 MRK458762 NBG458762 NLC458762 NUY458762 OEU458762 OOQ458762 OYM458762 PII458762 PSE458762 QCA458762 QLW458762 QVS458762 RFO458762 RPK458762 RZG458762 SJC458762 SSY458762 TCU458762 TMQ458762 TWM458762 UGI458762 UQE458762 VAA458762 VJW458762 VTS458762 WDO458762 WNK458762 WXG458762 AY524298 KU524298 UQ524298 AEM524298 AOI524298 AYE524298 BIA524298 BRW524298 CBS524298 CLO524298 CVK524298 DFG524298 DPC524298 DYY524298 EIU524298 ESQ524298 FCM524298 FMI524298 FWE524298 GGA524298 GPW524298 GZS524298 HJO524298 HTK524298 IDG524298 INC524298 IWY524298 JGU524298 JQQ524298 KAM524298 KKI524298 KUE524298 LEA524298 LNW524298 LXS524298 MHO524298 MRK524298 NBG524298 NLC524298 NUY524298 OEU524298 OOQ524298 OYM524298 PII524298 PSE524298 QCA524298 QLW524298 QVS524298 RFO524298 RPK524298 RZG524298 SJC524298 SSY524298 TCU524298 TMQ524298 TWM524298 UGI524298 UQE524298 VAA524298 VJW524298 VTS524298 WDO524298 WNK524298 WXG524298 AY589834 KU589834 UQ589834 AEM589834 AOI589834 AYE589834 BIA589834 BRW589834 CBS589834 CLO589834 CVK589834 DFG589834 DPC589834 DYY589834 EIU589834 ESQ589834 FCM589834 FMI589834 FWE589834 GGA589834 GPW589834 GZS589834 HJO589834 HTK589834 IDG589834 INC589834 IWY589834 JGU589834 JQQ589834 KAM589834 KKI589834 KUE589834 LEA589834 LNW589834 LXS589834 MHO589834 MRK589834 NBG589834 NLC589834 NUY589834 OEU589834 OOQ589834 OYM589834 PII589834 PSE589834 QCA589834 QLW589834 QVS589834 RFO589834 RPK589834 RZG589834 SJC589834 SSY589834 TCU589834 TMQ589834 TWM589834 UGI589834 UQE589834 VAA589834 VJW589834 VTS589834 WDO589834 WNK589834 WXG589834 AY655370 KU655370 UQ655370 AEM655370 AOI655370 AYE655370 BIA655370 BRW655370 CBS655370 CLO655370 CVK655370 DFG655370 DPC655370 DYY655370 EIU655370 ESQ655370 FCM655370 FMI655370 FWE655370 GGA655370 GPW655370 GZS655370 HJO655370 HTK655370 IDG655370 INC655370 IWY655370 JGU655370 JQQ655370 KAM655370 KKI655370 KUE655370 LEA655370 LNW655370 LXS655370 MHO655370 MRK655370 NBG655370 NLC655370 NUY655370 OEU655370 OOQ655370 OYM655370 PII655370 PSE655370 QCA655370 QLW655370 QVS655370 RFO655370 RPK655370 RZG655370 SJC655370 SSY655370 TCU655370 TMQ655370 TWM655370 UGI655370 UQE655370 VAA655370 VJW655370 VTS655370 WDO655370 WNK655370 WXG655370 AY720906 KU720906 UQ720906 AEM720906 AOI720906 AYE720906 BIA720906 BRW720906 CBS720906 CLO720906 CVK720906 DFG720906 DPC720906 DYY720906 EIU720906 ESQ720906 FCM720906 FMI720906 FWE720906 GGA720906 GPW720906 GZS720906 HJO720906 HTK720906 IDG720906 INC720906 IWY720906 JGU720906 JQQ720906 KAM720906 KKI720906 KUE720906 LEA720906 LNW720906 LXS720906 MHO720906 MRK720906 NBG720906 NLC720906 NUY720906 OEU720906 OOQ720906 OYM720906 PII720906 PSE720906 QCA720906 QLW720906 QVS720906 RFO720906 RPK720906 RZG720906 SJC720906 SSY720906 TCU720906 TMQ720906 TWM720906 UGI720906 UQE720906 VAA720906 VJW720906 VTS720906 WDO720906 WNK720906 WXG720906 AY786442 KU786442 UQ786442 AEM786442 AOI786442 AYE786442 BIA786442 BRW786442 CBS786442 CLO786442 CVK786442 DFG786442 DPC786442 DYY786442 EIU786442 ESQ786442 FCM786442 FMI786442 FWE786442 GGA786442 GPW786442 GZS786442 HJO786442 HTK786442 IDG786442 INC786442 IWY786442 JGU786442 JQQ786442 KAM786442 KKI786442 KUE786442 LEA786442 LNW786442 LXS786442 MHO786442 MRK786442 NBG786442 NLC786442 NUY786442 OEU786442 OOQ786442 OYM786442 PII786442 PSE786442 QCA786442 QLW786442 QVS786442 RFO786442 RPK786442 RZG786442 SJC786442 SSY786442 TCU786442 TMQ786442 TWM786442 UGI786442 UQE786442 VAA786442 VJW786442 VTS786442 WDO786442 WNK786442 WXG786442 AY851978 KU851978 UQ851978 AEM851978 AOI851978 AYE851978 BIA851978 BRW851978 CBS851978 CLO851978 CVK851978 DFG851978 DPC851978 DYY851978 EIU851978 ESQ851978 FCM851978 FMI851978 FWE851978 GGA851978 GPW851978 GZS851978 HJO851978 HTK851978 IDG851978 INC851978 IWY851978 JGU851978 JQQ851978 KAM851978 KKI851978 KUE851978 LEA851978 LNW851978 LXS851978 MHO851978 MRK851978 NBG851978 NLC851978 NUY851978 OEU851978 OOQ851978 OYM851978 PII851978 PSE851978 QCA851978 QLW851978 QVS851978 RFO851978 RPK851978 RZG851978 SJC851978 SSY851978 TCU851978 TMQ851978 TWM851978 UGI851978 UQE851978 VAA851978 VJW851978 VTS851978 WDO851978 WNK851978 WXG851978 AY917514 KU917514 UQ917514 AEM917514 AOI917514 AYE917514 BIA917514 BRW917514 CBS917514 CLO917514 CVK917514 DFG917514 DPC917514 DYY917514 EIU917514 ESQ917514 FCM917514 FMI917514 FWE917514 GGA917514 GPW917514 GZS917514 HJO917514 HTK917514 IDG917514 INC917514 IWY917514 JGU917514 JQQ917514 KAM917514 KKI917514 KUE917514 LEA917514 LNW917514 LXS917514 MHO917514 MRK917514 NBG917514 NLC917514 NUY917514 OEU917514 OOQ917514 OYM917514 PII917514 PSE917514 QCA917514 QLW917514 QVS917514 RFO917514 RPK917514 RZG917514 SJC917514 SSY917514 TCU917514 TMQ917514 TWM917514 UGI917514 UQE917514 VAA917514 VJW917514 VTS917514 WDO917514 WNK917514 WXG917514 AY983050 KU983050 UQ983050 AEM983050 AOI983050 AYE983050 BIA983050 BRW983050 CBS983050 CLO983050 CVK983050 DFG983050 DPC983050 DYY983050 EIU983050 ESQ983050 FCM983050 FMI983050 FWE983050 GGA983050 GPW983050 GZS983050 HJO983050 HTK983050 IDG983050 INC983050 IWY983050 JGU983050 JQQ983050 KAM983050 KKI983050 KUE983050 LEA983050 LNW983050 LXS983050 MHO983050 MRK983050 NBG983050 NLC983050 NUY983050 OEU983050 OOQ983050 OYM983050 PII983050 PSE983050 QCA983050 QLW983050 QVS983050 RFO983050 RPK983050 RZG983050 SJC983050 SSY983050 TCU983050 TMQ983050 TWM983050 UGI983050 UQE983050 VAA983050 VJW983050 VTS983050 WDO983050 WNK983050 WXG983050" xr:uid="{00000000-0002-0000-0100-000023000000}"/>
    <dataValidation imeMode="halfAlpha" allowBlank="1" showInputMessage="1" showErrorMessage="1" promptTitle="会社所在地／工場所在地" prompt="外部委託の場合は、工場所在地の前に（その外部委託先の）工場名を記載してください。" sqref="AL21 KH21 UD21 ADZ21 ANV21 AXR21 BHN21 BRJ21 CBF21 CLB21 CUX21 DET21 DOP21 DYL21 EIH21 ESD21 FBZ21 FLV21 FVR21 GFN21 GPJ21 GZF21 HJB21 HSX21 ICT21 IMP21 IWL21 JGH21 JQD21 JZZ21 KJV21 KTR21 LDN21 LNJ21 LXF21 MHB21 MQX21 NAT21 NKP21 NUL21 OEH21 OOD21 OXZ21 PHV21 PRR21 QBN21 QLJ21 QVF21 RFB21 ROX21 RYT21 SIP21 SSL21 TCH21 TMD21 TVZ21 UFV21 UPR21 UZN21 VJJ21 VTF21 WDB21 WMX21 WWT21 AL65557 KH65557 UD65557 ADZ65557 ANV65557 AXR65557 BHN65557 BRJ65557 CBF65557 CLB65557 CUX65557 DET65557 DOP65557 DYL65557 EIH65557 ESD65557 FBZ65557 FLV65557 FVR65557 GFN65557 GPJ65557 GZF65557 HJB65557 HSX65557 ICT65557 IMP65557 IWL65557 JGH65557 JQD65557 JZZ65557 KJV65557 KTR65557 LDN65557 LNJ65557 LXF65557 MHB65557 MQX65557 NAT65557 NKP65557 NUL65557 OEH65557 OOD65557 OXZ65557 PHV65557 PRR65557 QBN65557 QLJ65557 QVF65557 RFB65557 ROX65557 RYT65557 SIP65557 SSL65557 TCH65557 TMD65557 TVZ65557 UFV65557 UPR65557 UZN65557 VJJ65557 VTF65557 WDB65557 WMX65557 WWT65557 AL131093 KH131093 UD131093 ADZ131093 ANV131093 AXR131093 BHN131093 BRJ131093 CBF131093 CLB131093 CUX131093 DET131093 DOP131093 DYL131093 EIH131093 ESD131093 FBZ131093 FLV131093 FVR131093 GFN131093 GPJ131093 GZF131093 HJB131093 HSX131093 ICT131093 IMP131093 IWL131093 JGH131093 JQD131093 JZZ131093 KJV131093 KTR131093 LDN131093 LNJ131093 LXF131093 MHB131093 MQX131093 NAT131093 NKP131093 NUL131093 OEH131093 OOD131093 OXZ131093 PHV131093 PRR131093 QBN131093 QLJ131093 QVF131093 RFB131093 ROX131093 RYT131093 SIP131093 SSL131093 TCH131093 TMD131093 TVZ131093 UFV131093 UPR131093 UZN131093 VJJ131093 VTF131093 WDB131093 WMX131093 WWT131093 AL196629 KH196629 UD196629 ADZ196629 ANV196629 AXR196629 BHN196629 BRJ196629 CBF196629 CLB196629 CUX196629 DET196629 DOP196629 DYL196629 EIH196629 ESD196629 FBZ196629 FLV196629 FVR196629 GFN196629 GPJ196629 GZF196629 HJB196629 HSX196629 ICT196629 IMP196629 IWL196629 JGH196629 JQD196629 JZZ196629 KJV196629 KTR196629 LDN196629 LNJ196629 LXF196629 MHB196629 MQX196629 NAT196629 NKP196629 NUL196629 OEH196629 OOD196629 OXZ196629 PHV196629 PRR196629 QBN196629 QLJ196629 QVF196629 RFB196629 ROX196629 RYT196629 SIP196629 SSL196629 TCH196629 TMD196629 TVZ196629 UFV196629 UPR196629 UZN196629 VJJ196629 VTF196629 WDB196629 WMX196629 WWT196629 AL262165 KH262165 UD262165 ADZ262165 ANV262165 AXR262165 BHN262165 BRJ262165 CBF262165 CLB262165 CUX262165 DET262165 DOP262165 DYL262165 EIH262165 ESD262165 FBZ262165 FLV262165 FVR262165 GFN262165 GPJ262165 GZF262165 HJB262165 HSX262165 ICT262165 IMP262165 IWL262165 JGH262165 JQD262165 JZZ262165 KJV262165 KTR262165 LDN262165 LNJ262165 LXF262165 MHB262165 MQX262165 NAT262165 NKP262165 NUL262165 OEH262165 OOD262165 OXZ262165 PHV262165 PRR262165 QBN262165 QLJ262165 QVF262165 RFB262165 ROX262165 RYT262165 SIP262165 SSL262165 TCH262165 TMD262165 TVZ262165 UFV262165 UPR262165 UZN262165 VJJ262165 VTF262165 WDB262165 WMX262165 WWT262165 AL327701 KH327701 UD327701 ADZ327701 ANV327701 AXR327701 BHN327701 BRJ327701 CBF327701 CLB327701 CUX327701 DET327701 DOP327701 DYL327701 EIH327701 ESD327701 FBZ327701 FLV327701 FVR327701 GFN327701 GPJ327701 GZF327701 HJB327701 HSX327701 ICT327701 IMP327701 IWL327701 JGH327701 JQD327701 JZZ327701 KJV327701 KTR327701 LDN327701 LNJ327701 LXF327701 MHB327701 MQX327701 NAT327701 NKP327701 NUL327701 OEH327701 OOD327701 OXZ327701 PHV327701 PRR327701 QBN327701 QLJ327701 QVF327701 RFB327701 ROX327701 RYT327701 SIP327701 SSL327701 TCH327701 TMD327701 TVZ327701 UFV327701 UPR327701 UZN327701 VJJ327701 VTF327701 WDB327701 WMX327701 WWT327701 AL393237 KH393237 UD393237 ADZ393237 ANV393237 AXR393237 BHN393237 BRJ393237 CBF393237 CLB393237 CUX393237 DET393237 DOP393237 DYL393237 EIH393237 ESD393237 FBZ393237 FLV393237 FVR393237 GFN393237 GPJ393237 GZF393237 HJB393237 HSX393237 ICT393237 IMP393237 IWL393237 JGH393237 JQD393237 JZZ393237 KJV393237 KTR393237 LDN393237 LNJ393237 LXF393237 MHB393237 MQX393237 NAT393237 NKP393237 NUL393237 OEH393237 OOD393237 OXZ393237 PHV393237 PRR393237 QBN393237 QLJ393237 QVF393237 RFB393237 ROX393237 RYT393237 SIP393237 SSL393237 TCH393237 TMD393237 TVZ393237 UFV393237 UPR393237 UZN393237 VJJ393237 VTF393237 WDB393237 WMX393237 WWT393237 AL458773 KH458773 UD458773 ADZ458773 ANV458773 AXR458773 BHN458773 BRJ458773 CBF458773 CLB458773 CUX458773 DET458773 DOP458773 DYL458773 EIH458773 ESD458773 FBZ458773 FLV458773 FVR458773 GFN458773 GPJ458773 GZF458773 HJB458773 HSX458773 ICT458773 IMP458773 IWL458773 JGH458773 JQD458773 JZZ458773 KJV458773 KTR458773 LDN458773 LNJ458773 LXF458773 MHB458773 MQX458773 NAT458773 NKP458773 NUL458773 OEH458773 OOD458773 OXZ458773 PHV458773 PRR458773 QBN458773 QLJ458773 QVF458773 RFB458773 ROX458773 RYT458773 SIP458773 SSL458773 TCH458773 TMD458773 TVZ458773 UFV458773 UPR458773 UZN458773 VJJ458773 VTF458773 WDB458773 WMX458773 WWT458773 AL524309 KH524309 UD524309 ADZ524309 ANV524309 AXR524309 BHN524309 BRJ524309 CBF524309 CLB524309 CUX524309 DET524309 DOP524309 DYL524309 EIH524309 ESD524309 FBZ524309 FLV524309 FVR524309 GFN524309 GPJ524309 GZF524309 HJB524309 HSX524309 ICT524309 IMP524309 IWL524309 JGH524309 JQD524309 JZZ524309 KJV524309 KTR524309 LDN524309 LNJ524309 LXF524309 MHB524309 MQX524309 NAT524309 NKP524309 NUL524309 OEH524309 OOD524309 OXZ524309 PHV524309 PRR524309 QBN524309 QLJ524309 QVF524309 RFB524309 ROX524309 RYT524309 SIP524309 SSL524309 TCH524309 TMD524309 TVZ524309 UFV524309 UPR524309 UZN524309 VJJ524309 VTF524309 WDB524309 WMX524309 WWT524309 AL589845 KH589845 UD589845 ADZ589845 ANV589845 AXR589845 BHN589845 BRJ589845 CBF589845 CLB589845 CUX589845 DET589845 DOP589845 DYL589845 EIH589845 ESD589845 FBZ589845 FLV589845 FVR589845 GFN589845 GPJ589845 GZF589845 HJB589845 HSX589845 ICT589845 IMP589845 IWL589845 JGH589845 JQD589845 JZZ589845 KJV589845 KTR589845 LDN589845 LNJ589845 LXF589845 MHB589845 MQX589845 NAT589845 NKP589845 NUL589845 OEH589845 OOD589845 OXZ589845 PHV589845 PRR589845 QBN589845 QLJ589845 QVF589845 RFB589845 ROX589845 RYT589845 SIP589845 SSL589845 TCH589845 TMD589845 TVZ589845 UFV589845 UPR589845 UZN589845 VJJ589845 VTF589845 WDB589845 WMX589845 WWT589845 AL655381 KH655381 UD655381 ADZ655381 ANV655381 AXR655381 BHN655381 BRJ655381 CBF655381 CLB655381 CUX655381 DET655381 DOP655381 DYL655381 EIH655381 ESD655381 FBZ655381 FLV655381 FVR655381 GFN655381 GPJ655381 GZF655381 HJB655381 HSX655381 ICT655381 IMP655381 IWL655381 JGH655381 JQD655381 JZZ655381 KJV655381 KTR655381 LDN655381 LNJ655381 LXF655381 MHB655381 MQX655381 NAT655381 NKP655381 NUL655381 OEH655381 OOD655381 OXZ655381 PHV655381 PRR655381 QBN655381 QLJ655381 QVF655381 RFB655381 ROX655381 RYT655381 SIP655381 SSL655381 TCH655381 TMD655381 TVZ655381 UFV655381 UPR655381 UZN655381 VJJ655381 VTF655381 WDB655381 WMX655381 WWT655381 AL720917 KH720917 UD720917 ADZ720917 ANV720917 AXR720917 BHN720917 BRJ720917 CBF720917 CLB720917 CUX720917 DET720917 DOP720917 DYL720917 EIH720917 ESD720917 FBZ720917 FLV720917 FVR720917 GFN720917 GPJ720917 GZF720917 HJB720917 HSX720917 ICT720917 IMP720917 IWL720917 JGH720917 JQD720917 JZZ720917 KJV720917 KTR720917 LDN720917 LNJ720917 LXF720917 MHB720917 MQX720917 NAT720917 NKP720917 NUL720917 OEH720917 OOD720917 OXZ720917 PHV720917 PRR720917 QBN720917 QLJ720917 QVF720917 RFB720917 ROX720917 RYT720917 SIP720917 SSL720917 TCH720917 TMD720917 TVZ720917 UFV720917 UPR720917 UZN720917 VJJ720917 VTF720917 WDB720917 WMX720917 WWT720917 AL786453 KH786453 UD786453 ADZ786453 ANV786453 AXR786453 BHN786453 BRJ786453 CBF786453 CLB786453 CUX786453 DET786453 DOP786453 DYL786453 EIH786453 ESD786453 FBZ786453 FLV786453 FVR786453 GFN786453 GPJ786453 GZF786453 HJB786453 HSX786453 ICT786453 IMP786453 IWL786453 JGH786453 JQD786453 JZZ786453 KJV786453 KTR786453 LDN786453 LNJ786453 LXF786453 MHB786453 MQX786453 NAT786453 NKP786453 NUL786453 OEH786453 OOD786453 OXZ786453 PHV786453 PRR786453 QBN786453 QLJ786453 QVF786453 RFB786453 ROX786453 RYT786453 SIP786453 SSL786453 TCH786453 TMD786453 TVZ786453 UFV786453 UPR786453 UZN786453 VJJ786453 VTF786453 WDB786453 WMX786453 WWT786453 AL851989 KH851989 UD851989 ADZ851989 ANV851989 AXR851989 BHN851989 BRJ851989 CBF851989 CLB851989 CUX851989 DET851989 DOP851989 DYL851989 EIH851989 ESD851989 FBZ851989 FLV851989 FVR851989 GFN851989 GPJ851989 GZF851989 HJB851989 HSX851989 ICT851989 IMP851989 IWL851989 JGH851989 JQD851989 JZZ851989 KJV851989 KTR851989 LDN851989 LNJ851989 LXF851989 MHB851989 MQX851989 NAT851989 NKP851989 NUL851989 OEH851989 OOD851989 OXZ851989 PHV851989 PRR851989 QBN851989 QLJ851989 QVF851989 RFB851989 ROX851989 RYT851989 SIP851989 SSL851989 TCH851989 TMD851989 TVZ851989 UFV851989 UPR851989 UZN851989 VJJ851989 VTF851989 WDB851989 WMX851989 WWT851989 AL917525 KH917525 UD917525 ADZ917525 ANV917525 AXR917525 BHN917525 BRJ917525 CBF917525 CLB917525 CUX917525 DET917525 DOP917525 DYL917525 EIH917525 ESD917525 FBZ917525 FLV917525 FVR917525 GFN917525 GPJ917525 GZF917525 HJB917525 HSX917525 ICT917525 IMP917525 IWL917525 JGH917525 JQD917525 JZZ917525 KJV917525 KTR917525 LDN917525 LNJ917525 LXF917525 MHB917525 MQX917525 NAT917525 NKP917525 NUL917525 OEH917525 OOD917525 OXZ917525 PHV917525 PRR917525 QBN917525 QLJ917525 QVF917525 RFB917525 ROX917525 RYT917525 SIP917525 SSL917525 TCH917525 TMD917525 TVZ917525 UFV917525 UPR917525 UZN917525 VJJ917525 VTF917525 WDB917525 WMX917525 WWT917525 AL983061 KH983061 UD983061 ADZ983061 ANV983061 AXR983061 BHN983061 BRJ983061 CBF983061 CLB983061 CUX983061 DET983061 DOP983061 DYL983061 EIH983061 ESD983061 FBZ983061 FLV983061 FVR983061 GFN983061 GPJ983061 GZF983061 HJB983061 HSX983061 ICT983061 IMP983061 IWL983061 JGH983061 JQD983061 JZZ983061 KJV983061 KTR983061 LDN983061 LNJ983061 LXF983061 MHB983061 MQX983061 NAT983061 NKP983061 NUL983061 OEH983061 OOD983061 OXZ983061 PHV983061 PRR983061 QBN983061 QLJ983061 QVF983061 RFB983061 ROX983061 RYT983061 SIP983061 SSL983061 TCH983061 TMD983061 TVZ983061 UFV983061 UPR983061 UZN983061 VJJ983061 VTF983061 WDB983061 WMX983061 WWT983061 AL23 KH23 UD23 ADZ23 ANV23 AXR23 BHN23 BRJ23 CBF23 CLB23 CUX23 DET23 DOP23 DYL23 EIH23 ESD23 FBZ23 FLV23 FVR23 GFN23 GPJ23 GZF23 HJB23 HSX23 ICT23 IMP23 IWL23 JGH23 JQD23 JZZ23 KJV23 KTR23 LDN23 LNJ23 LXF23 MHB23 MQX23 NAT23 NKP23 NUL23 OEH23 OOD23 OXZ23 PHV23 PRR23 QBN23 QLJ23 QVF23 RFB23 ROX23 RYT23 SIP23 SSL23 TCH23 TMD23 TVZ23 UFV23 UPR23 UZN23 VJJ23 VTF23 WDB23 WMX23 WWT23 AL65559 KH65559 UD65559 ADZ65559 ANV65559 AXR65559 BHN65559 BRJ65559 CBF65559 CLB65559 CUX65559 DET65559 DOP65559 DYL65559 EIH65559 ESD65559 FBZ65559 FLV65559 FVR65559 GFN65559 GPJ65559 GZF65559 HJB65559 HSX65559 ICT65559 IMP65559 IWL65559 JGH65559 JQD65559 JZZ65559 KJV65559 KTR65559 LDN65559 LNJ65559 LXF65559 MHB65559 MQX65559 NAT65559 NKP65559 NUL65559 OEH65559 OOD65559 OXZ65559 PHV65559 PRR65559 QBN65559 QLJ65559 QVF65559 RFB65559 ROX65559 RYT65559 SIP65559 SSL65559 TCH65559 TMD65559 TVZ65559 UFV65559 UPR65559 UZN65559 VJJ65559 VTF65559 WDB65559 WMX65559 WWT65559 AL131095 KH131095 UD131095 ADZ131095 ANV131095 AXR131095 BHN131095 BRJ131095 CBF131095 CLB131095 CUX131095 DET131095 DOP131095 DYL131095 EIH131095 ESD131095 FBZ131095 FLV131095 FVR131095 GFN131095 GPJ131095 GZF131095 HJB131095 HSX131095 ICT131095 IMP131095 IWL131095 JGH131095 JQD131095 JZZ131095 KJV131095 KTR131095 LDN131095 LNJ131095 LXF131095 MHB131095 MQX131095 NAT131095 NKP131095 NUL131095 OEH131095 OOD131095 OXZ131095 PHV131095 PRR131095 QBN131095 QLJ131095 QVF131095 RFB131095 ROX131095 RYT131095 SIP131095 SSL131095 TCH131095 TMD131095 TVZ131095 UFV131095 UPR131095 UZN131095 VJJ131095 VTF131095 WDB131095 WMX131095 WWT131095 AL196631 KH196631 UD196631 ADZ196631 ANV196631 AXR196631 BHN196631 BRJ196631 CBF196631 CLB196631 CUX196631 DET196631 DOP196631 DYL196631 EIH196631 ESD196631 FBZ196631 FLV196631 FVR196631 GFN196631 GPJ196631 GZF196631 HJB196631 HSX196631 ICT196631 IMP196631 IWL196631 JGH196631 JQD196631 JZZ196631 KJV196631 KTR196631 LDN196631 LNJ196631 LXF196631 MHB196631 MQX196631 NAT196631 NKP196631 NUL196631 OEH196631 OOD196631 OXZ196631 PHV196631 PRR196631 QBN196631 QLJ196631 QVF196631 RFB196631 ROX196631 RYT196631 SIP196631 SSL196631 TCH196631 TMD196631 TVZ196631 UFV196631 UPR196631 UZN196631 VJJ196631 VTF196631 WDB196631 WMX196631 WWT196631 AL262167 KH262167 UD262167 ADZ262167 ANV262167 AXR262167 BHN262167 BRJ262167 CBF262167 CLB262167 CUX262167 DET262167 DOP262167 DYL262167 EIH262167 ESD262167 FBZ262167 FLV262167 FVR262167 GFN262167 GPJ262167 GZF262167 HJB262167 HSX262167 ICT262167 IMP262167 IWL262167 JGH262167 JQD262167 JZZ262167 KJV262167 KTR262167 LDN262167 LNJ262167 LXF262167 MHB262167 MQX262167 NAT262167 NKP262167 NUL262167 OEH262167 OOD262167 OXZ262167 PHV262167 PRR262167 QBN262167 QLJ262167 QVF262167 RFB262167 ROX262167 RYT262167 SIP262167 SSL262167 TCH262167 TMD262167 TVZ262167 UFV262167 UPR262167 UZN262167 VJJ262167 VTF262167 WDB262167 WMX262167 WWT262167 AL327703 KH327703 UD327703 ADZ327703 ANV327703 AXR327703 BHN327703 BRJ327703 CBF327703 CLB327703 CUX327703 DET327703 DOP327703 DYL327703 EIH327703 ESD327703 FBZ327703 FLV327703 FVR327703 GFN327703 GPJ327703 GZF327703 HJB327703 HSX327703 ICT327703 IMP327703 IWL327703 JGH327703 JQD327703 JZZ327703 KJV327703 KTR327703 LDN327703 LNJ327703 LXF327703 MHB327703 MQX327703 NAT327703 NKP327703 NUL327703 OEH327703 OOD327703 OXZ327703 PHV327703 PRR327703 QBN327703 QLJ327703 QVF327703 RFB327703 ROX327703 RYT327703 SIP327703 SSL327703 TCH327703 TMD327703 TVZ327703 UFV327703 UPR327703 UZN327703 VJJ327703 VTF327703 WDB327703 WMX327703 WWT327703 AL393239 KH393239 UD393239 ADZ393239 ANV393239 AXR393239 BHN393239 BRJ393239 CBF393239 CLB393239 CUX393239 DET393239 DOP393239 DYL393239 EIH393239 ESD393239 FBZ393239 FLV393239 FVR393239 GFN393239 GPJ393239 GZF393239 HJB393239 HSX393239 ICT393239 IMP393239 IWL393239 JGH393239 JQD393239 JZZ393239 KJV393239 KTR393239 LDN393239 LNJ393239 LXF393239 MHB393239 MQX393239 NAT393239 NKP393239 NUL393239 OEH393239 OOD393239 OXZ393239 PHV393239 PRR393239 QBN393239 QLJ393239 QVF393239 RFB393239 ROX393239 RYT393239 SIP393239 SSL393239 TCH393239 TMD393239 TVZ393239 UFV393239 UPR393239 UZN393239 VJJ393239 VTF393239 WDB393239 WMX393239 WWT393239 AL458775 KH458775 UD458775 ADZ458775 ANV458775 AXR458775 BHN458775 BRJ458775 CBF458775 CLB458775 CUX458775 DET458775 DOP458775 DYL458775 EIH458775 ESD458775 FBZ458775 FLV458775 FVR458775 GFN458775 GPJ458775 GZF458775 HJB458775 HSX458775 ICT458775 IMP458775 IWL458775 JGH458775 JQD458775 JZZ458775 KJV458775 KTR458775 LDN458775 LNJ458775 LXF458775 MHB458775 MQX458775 NAT458775 NKP458775 NUL458775 OEH458775 OOD458775 OXZ458775 PHV458775 PRR458775 QBN458775 QLJ458775 QVF458775 RFB458775 ROX458775 RYT458775 SIP458775 SSL458775 TCH458775 TMD458775 TVZ458775 UFV458775 UPR458775 UZN458775 VJJ458775 VTF458775 WDB458775 WMX458775 WWT458775 AL524311 KH524311 UD524311 ADZ524311 ANV524311 AXR524311 BHN524311 BRJ524311 CBF524311 CLB524311 CUX524311 DET524311 DOP524311 DYL524311 EIH524311 ESD524311 FBZ524311 FLV524311 FVR524311 GFN524311 GPJ524311 GZF524311 HJB524311 HSX524311 ICT524311 IMP524311 IWL524311 JGH524311 JQD524311 JZZ524311 KJV524311 KTR524311 LDN524311 LNJ524311 LXF524311 MHB524311 MQX524311 NAT524311 NKP524311 NUL524311 OEH524311 OOD524311 OXZ524311 PHV524311 PRR524311 QBN524311 QLJ524311 QVF524311 RFB524311 ROX524311 RYT524311 SIP524311 SSL524311 TCH524311 TMD524311 TVZ524311 UFV524311 UPR524311 UZN524311 VJJ524311 VTF524311 WDB524311 WMX524311 WWT524311 AL589847 KH589847 UD589847 ADZ589847 ANV589847 AXR589847 BHN589847 BRJ589847 CBF589847 CLB589847 CUX589847 DET589847 DOP589847 DYL589847 EIH589847 ESD589847 FBZ589847 FLV589847 FVR589847 GFN589847 GPJ589847 GZF589847 HJB589847 HSX589847 ICT589847 IMP589847 IWL589847 JGH589847 JQD589847 JZZ589847 KJV589847 KTR589847 LDN589847 LNJ589847 LXF589847 MHB589847 MQX589847 NAT589847 NKP589847 NUL589847 OEH589847 OOD589847 OXZ589847 PHV589847 PRR589847 QBN589847 QLJ589847 QVF589847 RFB589847 ROX589847 RYT589847 SIP589847 SSL589847 TCH589847 TMD589847 TVZ589847 UFV589847 UPR589847 UZN589847 VJJ589847 VTF589847 WDB589847 WMX589847 WWT589847 AL655383 KH655383 UD655383 ADZ655383 ANV655383 AXR655383 BHN655383 BRJ655383 CBF655383 CLB655383 CUX655383 DET655383 DOP655383 DYL655383 EIH655383 ESD655383 FBZ655383 FLV655383 FVR655383 GFN655383 GPJ655383 GZF655383 HJB655383 HSX655383 ICT655383 IMP655383 IWL655383 JGH655383 JQD655383 JZZ655383 KJV655383 KTR655383 LDN655383 LNJ655383 LXF655383 MHB655383 MQX655383 NAT655383 NKP655383 NUL655383 OEH655383 OOD655383 OXZ655383 PHV655383 PRR655383 QBN655383 QLJ655383 QVF655383 RFB655383 ROX655383 RYT655383 SIP655383 SSL655383 TCH655383 TMD655383 TVZ655383 UFV655383 UPR655383 UZN655383 VJJ655383 VTF655383 WDB655383 WMX655383 WWT655383 AL720919 KH720919 UD720919 ADZ720919 ANV720919 AXR720919 BHN720919 BRJ720919 CBF720919 CLB720919 CUX720919 DET720919 DOP720919 DYL720919 EIH720919 ESD720919 FBZ720919 FLV720919 FVR720919 GFN720919 GPJ720919 GZF720919 HJB720919 HSX720919 ICT720919 IMP720919 IWL720919 JGH720919 JQD720919 JZZ720919 KJV720919 KTR720919 LDN720919 LNJ720919 LXF720919 MHB720919 MQX720919 NAT720919 NKP720919 NUL720919 OEH720919 OOD720919 OXZ720919 PHV720919 PRR720919 QBN720919 QLJ720919 QVF720919 RFB720919 ROX720919 RYT720919 SIP720919 SSL720919 TCH720919 TMD720919 TVZ720919 UFV720919 UPR720919 UZN720919 VJJ720919 VTF720919 WDB720919 WMX720919 WWT720919 AL786455 KH786455 UD786455 ADZ786455 ANV786455 AXR786455 BHN786455 BRJ786455 CBF786455 CLB786455 CUX786455 DET786455 DOP786455 DYL786455 EIH786455 ESD786455 FBZ786455 FLV786455 FVR786455 GFN786455 GPJ786455 GZF786455 HJB786455 HSX786455 ICT786455 IMP786455 IWL786455 JGH786455 JQD786455 JZZ786455 KJV786455 KTR786455 LDN786455 LNJ786455 LXF786455 MHB786455 MQX786455 NAT786455 NKP786455 NUL786455 OEH786455 OOD786455 OXZ786455 PHV786455 PRR786455 QBN786455 QLJ786455 QVF786455 RFB786455 ROX786455 RYT786455 SIP786455 SSL786455 TCH786455 TMD786455 TVZ786455 UFV786455 UPR786455 UZN786455 VJJ786455 VTF786455 WDB786455 WMX786455 WWT786455 AL851991 KH851991 UD851991 ADZ851991 ANV851991 AXR851991 BHN851991 BRJ851991 CBF851991 CLB851991 CUX851991 DET851991 DOP851991 DYL851991 EIH851991 ESD851991 FBZ851991 FLV851991 FVR851991 GFN851991 GPJ851991 GZF851991 HJB851991 HSX851991 ICT851991 IMP851991 IWL851991 JGH851991 JQD851991 JZZ851991 KJV851991 KTR851991 LDN851991 LNJ851991 LXF851991 MHB851991 MQX851991 NAT851991 NKP851991 NUL851991 OEH851991 OOD851991 OXZ851991 PHV851991 PRR851991 QBN851991 QLJ851991 QVF851991 RFB851991 ROX851991 RYT851991 SIP851991 SSL851991 TCH851991 TMD851991 TVZ851991 UFV851991 UPR851991 UZN851991 VJJ851991 VTF851991 WDB851991 WMX851991 WWT851991 AL917527 KH917527 UD917527 ADZ917527 ANV917527 AXR917527 BHN917527 BRJ917527 CBF917527 CLB917527 CUX917527 DET917527 DOP917527 DYL917527 EIH917527 ESD917527 FBZ917527 FLV917527 FVR917527 GFN917527 GPJ917527 GZF917527 HJB917527 HSX917527 ICT917527 IMP917527 IWL917527 JGH917527 JQD917527 JZZ917527 KJV917527 KTR917527 LDN917527 LNJ917527 LXF917527 MHB917527 MQX917527 NAT917527 NKP917527 NUL917527 OEH917527 OOD917527 OXZ917527 PHV917527 PRR917527 QBN917527 QLJ917527 QVF917527 RFB917527 ROX917527 RYT917527 SIP917527 SSL917527 TCH917527 TMD917527 TVZ917527 UFV917527 UPR917527 UZN917527 VJJ917527 VTF917527 WDB917527 WMX917527 WWT917527 AL983063 KH983063 UD983063 ADZ983063 ANV983063 AXR983063 BHN983063 BRJ983063 CBF983063 CLB983063 CUX983063 DET983063 DOP983063 DYL983063 EIH983063 ESD983063 FBZ983063 FLV983063 FVR983063 GFN983063 GPJ983063 GZF983063 HJB983063 HSX983063 ICT983063 IMP983063 IWL983063 JGH983063 JQD983063 JZZ983063 KJV983063 KTR983063 LDN983063 LNJ983063 LXF983063 MHB983063 MQX983063 NAT983063 NKP983063 NUL983063 OEH983063 OOD983063 OXZ983063 PHV983063 PRR983063 QBN983063 QLJ983063 QVF983063 RFB983063 ROX983063 RYT983063 SIP983063 SSL983063 TCH983063 TMD983063 TVZ983063 UFV983063 UPR983063 UZN983063 VJJ983063 VTF983063 WDB983063 WMX983063 WWT983063" xr:uid="{00000000-0002-0000-0100-000024000000}"/>
    <dataValidation allowBlank="1" showInputMessage="1" showErrorMessage="1" promptTitle="会社所在地／工場所在地" prompt="外部委託の場合は、工場所在地の前に（その外部委託先の）工場名を記載してください。" sqref="AP21 KL21 UH21 AED21 ANZ21 AXV21 BHR21 BRN21 CBJ21 CLF21 CVB21 DEX21 DOT21 DYP21 EIL21 ESH21 FCD21 FLZ21 FVV21 GFR21 GPN21 GZJ21 HJF21 HTB21 ICX21 IMT21 IWP21 JGL21 JQH21 KAD21 KJZ21 KTV21 LDR21 LNN21 LXJ21 MHF21 MRB21 NAX21 NKT21 NUP21 OEL21 OOH21 OYD21 PHZ21 PRV21 QBR21 QLN21 QVJ21 RFF21 RPB21 RYX21 SIT21 SSP21 TCL21 TMH21 TWD21 UFZ21 UPV21 UZR21 VJN21 VTJ21 WDF21 WNB21 WWX21 AP65557 KL65557 UH65557 AED65557 ANZ65557 AXV65557 BHR65557 BRN65557 CBJ65557 CLF65557 CVB65557 DEX65557 DOT65557 DYP65557 EIL65557 ESH65557 FCD65557 FLZ65557 FVV65557 GFR65557 GPN65557 GZJ65557 HJF65557 HTB65557 ICX65557 IMT65557 IWP65557 JGL65557 JQH65557 KAD65557 KJZ65557 KTV65557 LDR65557 LNN65557 LXJ65557 MHF65557 MRB65557 NAX65557 NKT65557 NUP65557 OEL65557 OOH65557 OYD65557 PHZ65557 PRV65557 QBR65557 QLN65557 QVJ65557 RFF65557 RPB65557 RYX65557 SIT65557 SSP65557 TCL65557 TMH65557 TWD65557 UFZ65557 UPV65557 UZR65557 VJN65557 VTJ65557 WDF65557 WNB65557 WWX65557 AP131093 KL131093 UH131093 AED131093 ANZ131093 AXV131093 BHR131093 BRN131093 CBJ131093 CLF131093 CVB131093 DEX131093 DOT131093 DYP131093 EIL131093 ESH131093 FCD131093 FLZ131093 FVV131093 GFR131093 GPN131093 GZJ131093 HJF131093 HTB131093 ICX131093 IMT131093 IWP131093 JGL131093 JQH131093 KAD131093 KJZ131093 KTV131093 LDR131093 LNN131093 LXJ131093 MHF131093 MRB131093 NAX131093 NKT131093 NUP131093 OEL131093 OOH131093 OYD131093 PHZ131093 PRV131093 QBR131093 QLN131093 QVJ131093 RFF131093 RPB131093 RYX131093 SIT131093 SSP131093 TCL131093 TMH131093 TWD131093 UFZ131093 UPV131093 UZR131093 VJN131093 VTJ131093 WDF131093 WNB131093 WWX131093 AP196629 KL196629 UH196629 AED196629 ANZ196629 AXV196629 BHR196629 BRN196629 CBJ196629 CLF196629 CVB196629 DEX196629 DOT196629 DYP196629 EIL196629 ESH196629 FCD196629 FLZ196629 FVV196629 GFR196629 GPN196629 GZJ196629 HJF196629 HTB196629 ICX196629 IMT196629 IWP196629 JGL196629 JQH196629 KAD196629 KJZ196629 KTV196629 LDR196629 LNN196629 LXJ196629 MHF196629 MRB196629 NAX196629 NKT196629 NUP196629 OEL196629 OOH196629 OYD196629 PHZ196629 PRV196629 QBR196629 QLN196629 QVJ196629 RFF196629 RPB196629 RYX196629 SIT196629 SSP196629 TCL196629 TMH196629 TWD196629 UFZ196629 UPV196629 UZR196629 VJN196629 VTJ196629 WDF196629 WNB196629 WWX196629 AP262165 KL262165 UH262165 AED262165 ANZ262165 AXV262165 BHR262165 BRN262165 CBJ262165 CLF262165 CVB262165 DEX262165 DOT262165 DYP262165 EIL262165 ESH262165 FCD262165 FLZ262165 FVV262165 GFR262165 GPN262165 GZJ262165 HJF262165 HTB262165 ICX262165 IMT262165 IWP262165 JGL262165 JQH262165 KAD262165 KJZ262165 KTV262165 LDR262165 LNN262165 LXJ262165 MHF262165 MRB262165 NAX262165 NKT262165 NUP262165 OEL262165 OOH262165 OYD262165 PHZ262165 PRV262165 QBR262165 QLN262165 QVJ262165 RFF262165 RPB262165 RYX262165 SIT262165 SSP262165 TCL262165 TMH262165 TWD262165 UFZ262165 UPV262165 UZR262165 VJN262165 VTJ262165 WDF262165 WNB262165 WWX262165 AP327701 KL327701 UH327701 AED327701 ANZ327701 AXV327701 BHR327701 BRN327701 CBJ327701 CLF327701 CVB327701 DEX327701 DOT327701 DYP327701 EIL327701 ESH327701 FCD327701 FLZ327701 FVV327701 GFR327701 GPN327701 GZJ327701 HJF327701 HTB327701 ICX327701 IMT327701 IWP327701 JGL327701 JQH327701 KAD327701 KJZ327701 KTV327701 LDR327701 LNN327701 LXJ327701 MHF327701 MRB327701 NAX327701 NKT327701 NUP327701 OEL327701 OOH327701 OYD327701 PHZ327701 PRV327701 QBR327701 QLN327701 QVJ327701 RFF327701 RPB327701 RYX327701 SIT327701 SSP327701 TCL327701 TMH327701 TWD327701 UFZ327701 UPV327701 UZR327701 VJN327701 VTJ327701 WDF327701 WNB327701 WWX327701 AP393237 KL393237 UH393237 AED393237 ANZ393237 AXV393237 BHR393237 BRN393237 CBJ393237 CLF393237 CVB393237 DEX393237 DOT393237 DYP393237 EIL393237 ESH393237 FCD393237 FLZ393237 FVV393237 GFR393237 GPN393237 GZJ393237 HJF393237 HTB393237 ICX393237 IMT393237 IWP393237 JGL393237 JQH393237 KAD393237 KJZ393237 KTV393237 LDR393237 LNN393237 LXJ393237 MHF393237 MRB393237 NAX393237 NKT393237 NUP393237 OEL393237 OOH393237 OYD393237 PHZ393237 PRV393237 QBR393237 QLN393237 QVJ393237 RFF393237 RPB393237 RYX393237 SIT393237 SSP393237 TCL393237 TMH393237 TWD393237 UFZ393237 UPV393237 UZR393237 VJN393237 VTJ393237 WDF393237 WNB393237 WWX393237 AP458773 KL458773 UH458773 AED458773 ANZ458773 AXV458773 BHR458773 BRN458773 CBJ458773 CLF458773 CVB458773 DEX458773 DOT458773 DYP458773 EIL458773 ESH458773 FCD458773 FLZ458773 FVV458773 GFR458773 GPN458773 GZJ458773 HJF458773 HTB458773 ICX458773 IMT458773 IWP458773 JGL458773 JQH458773 KAD458773 KJZ458773 KTV458773 LDR458773 LNN458773 LXJ458773 MHF458773 MRB458773 NAX458773 NKT458773 NUP458773 OEL458773 OOH458773 OYD458773 PHZ458773 PRV458773 QBR458773 QLN458773 QVJ458773 RFF458773 RPB458773 RYX458773 SIT458773 SSP458773 TCL458773 TMH458773 TWD458773 UFZ458773 UPV458773 UZR458773 VJN458773 VTJ458773 WDF458773 WNB458773 WWX458773 AP524309 KL524309 UH524309 AED524309 ANZ524309 AXV524309 BHR524309 BRN524309 CBJ524309 CLF524309 CVB524309 DEX524309 DOT524309 DYP524309 EIL524309 ESH524309 FCD524309 FLZ524309 FVV524309 GFR524309 GPN524309 GZJ524309 HJF524309 HTB524309 ICX524309 IMT524309 IWP524309 JGL524309 JQH524309 KAD524309 KJZ524309 KTV524309 LDR524309 LNN524309 LXJ524309 MHF524309 MRB524309 NAX524309 NKT524309 NUP524309 OEL524309 OOH524309 OYD524309 PHZ524309 PRV524309 QBR524309 QLN524309 QVJ524309 RFF524309 RPB524309 RYX524309 SIT524309 SSP524309 TCL524309 TMH524309 TWD524309 UFZ524309 UPV524309 UZR524309 VJN524309 VTJ524309 WDF524309 WNB524309 WWX524309 AP589845 KL589845 UH589845 AED589845 ANZ589845 AXV589845 BHR589845 BRN589845 CBJ589845 CLF589845 CVB589845 DEX589845 DOT589845 DYP589845 EIL589845 ESH589845 FCD589845 FLZ589845 FVV589845 GFR589845 GPN589845 GZJ589845 HJF589845 HTB589845 ICX589845 IMT589845 IWP589845 JGL589845 JQH589845 KAD589845 KJZ589845 KTV589845 LDR589845 LNN589845 LXJ589845 MHF589845 MRB589845 NAX589845 NKT589845 NUP589845 OEL589845 OOH589845 OYD589845 PHZ589845 PRV589845 QBR589845 QLN589845 QVJ589845 RFF589845 RPB589845 RYX589845 SIT589845 SSP589845 TCL589845 TMH589845 TWD589845 UFZ589845 UPV589845 UZR589845 VJN589845 VTJ589845 WDF589845 WNB589845 WWX589845 AP655381 KL655381 UH655381 AED655381 ANZ655381 AXV655381 BHR655381 BRN655381 CBJ655381 CLF655381 CVB655381 DEX655381 DOT655381 DYP655381 EIL655381 ESH655381 FCD655381 FLZ655381 FVV655381 GFR655381 GPN655381 GZJ655381 HJF655381 HTB655381 ICX655381 IMT655381 IWP655381 JGL655381 JQH655381 KAD655381 KJZ655381 KTV655381 LDR655381 LNN655381 LXJ655381 MHF655381 MRB655381 NAX655381 NKT655381 NUP655381 OEL655381 OOH655381 OYD655381 PHZ655381 PRV655381 QBR655381 QLN655381 QVJ655381 RFF655381 RPB655381 RYX655381 SIT655381 SSP655381 TCL655381 TMH655381 TWD655381 UFZ655381 UPV655381 UZR655381 VJN655381 VTJ655381 WDF655381 WNB655381 WWX655381 AP720917 KL720917 UH720917 AED720917 ANZ720917 AXV720917 BHR720917 BRN720917 CBJ720917 CLF720917 CVB720917 DEX720917 DOT720917 DYP720917 EIL720917 ESH720917 FCD720917 FLZ720917 FVV720917 GFR720917 GPN720917 GZJ720917 HJF720917 HTB720917 ICX720917 IMT720917 IWP720917 JGL720917 JQH720917 KAD720917 KJZ720917 KTV720917 LDR720917 LNN720917 LXJ720917 MHF720917 MRB720917 NAX720917 NKT720917 NUP720917 OEL720917 OOH720917 OYD720917 PHZ720917 PRV720917 QBR720917 QLN720917 QVJ720917 RFF720917 RPB720917 RYX720917 SIT720917 SSP720917 TCL720917 TMH720917 TWD720917 UFZ720917 UPV720917 UZR720917 VJN720917 VTJ720917 WDF720917 WNB720917 WWX720917 AP786453 KL786453 UH786453 AED786453 ANZ786453 AXV786453 BHR786453 BRN786453 CBJ786453 CLF786453 CVB786453 DEX786453 DOT786453 DYP786453 EIL786453 ESH786453 FCD786453 FLZ786453 FVV786453 GFR786453 GPN786453 GZJ786453 HJF786453 HTB786453 ICX786453 IMT786453 IWP786453 JGL786453 JQH786453 KAD786453 KJZ786453 KTV786453 LDR786453 LNN786453 LXJ786453 MHF786453 MRB786453 NAX786453 NKT786453 NUP786453 OEL786453 OOH786453 OYD786453 PHZ786453 PRV786453 QBR786453 QLN786453 QVJ786453 RFF786453 RPB786453 RYX786453 SIT786453 SSP786453 TCL786453 TMH786453 TWD786453 UFZ786453 UPV786453 UZR786453 VJN786453 VTJ786453 WDF786453 WNB786453 WWX786453 AP851989 KL851989 UH851989 AED851989 ANZ851989 AXV851989 BHR851989 BRN851989 CBJ851989 CLF851989 CVB851989 DEX851989 DOT851989 DYP851989 EIL851989 ESH851989 FCD851989 FLZ851989 FVV851989 GFR851989 GPN851989 GZJ851989 HJF851989 HTB851989 ICX851989 IMT851989 IWP851989 JGL851989 JQH851989 KAD851989 KJZ851989 KTV851989 LDR851989 LNN851989 LXJ851989 MHF851989 MRB851989 NAX851989 NKT851989 NUP851989 OEL851989 OOH851989 OYD851989 PHZ851989 PRV851989 QBR851989 QLN851989 QVJ851989 RFF851989 RPB851989 RYX851989 SIT851989 SSP851989 TCL851989 TMH851989 TWD851989 UFZ851989 UPV851989 UZR851989 VJN851989 VTJ851989 WDF851989 WNB851989 WWX851989 AP917525 KL917525 UH917525 AED917525 ANZ917525 AXV917525 BHR917525 BRN917525 CBJ917525 CLF917525 CVB917525 DEX917525 DOT917525 DYP917525 EIL917525 ESH917525 FCD917525 FLZ917525 FVV917525 GFR917525 GPN917525 GZJ917525 HJF917525 HTB917525 ICX917525 IMT917525 IWP917525 JGL917525 JQH917525 KAD917525 KJZ917525 KTV917525 LDR917525 LNN917525 LXJ917525 MHF917525 MRB917525 NAX917525 NKT917525 NUP917525 OEL917525 OOH917525 OYD917525 PHZ917525 PRV917525 QBR917525 QLN917525 QVJ917525 RFF917525 RPB917525 RYX917525 SIT917525 SSP917525 TCL917525 TMH917525 TWD917525 UFZ917525 UPV917525 UZR917525 VJN917525 VTJ917525 WDF917525 WNB917525 WWX917525 AP983061 KL983061 UH983061 AED983061 ANZ983061 AXV983061 BHR983061 BRN983061 CBJ983061 CLF983061 CVB983061 DEX983061 DOT983061 DYP983061 EIL983061 ESH983061 FCD983061 FLZ983061 FVV983061 GFR983061 GPN983061 GZJ983061 HJF983061 HTB983061 ICX983061 IMT983061 IWP983061 JGL983061 JQH983061 KAD983061 KJZ983061 KTV983061 LDR983061 LNN983061 LXJ983061 MHF983061 MRB983061 NAX983061 NKT983061 NUP983061 OEL983061 OOH983061 OYD983061 PHZ983061 PRV983061 QBR983061 QLN983061 QVJ983061 RFF983061 RPB983061 RYX983061 SIT983061 SSP983061 TCL983061 TMH983061 TWD983061 UFZ983061 UPV983061 UZR983061 VJN983061 VTJ983061 WDF983061 WNB983061 WWX983061 AP23 KL23 UH23 AED23 ANZ23 AXV23 BHR23 BRN23 CBJ23 CLF23 CVB23 DEX23 DOT23 DYP23 EIL23 ESH23 FCD23 FLZ23 FVV23 GFR23 GPN23 GZJ23 HJF23 HTB23 ICX23 IMT23 IWP23 JGL23 JQH23 KAD23 KJZ23 KTV23 LDR23 LNN23 LXJ23 MHF23 MRB23 NAX23 NKT23 NUP23 OEL23 OOH23 OYD23 PHZ23 PRV23 QBR23 QLN23 QVJ23 RFF23 RPB23 RYX23 SIT23 SSP23 TCL23 TMH23 TWD23 UFZ23 UPV23 UZR23 VJN23 VTJ23 WDF23 WNB23 WWX23 AP65559 KL65559 UH65559 AED65559 ANZ65559 AXV65559 BHR65559 BRN65559 CBJ65559 CLF65559 CVB65559 DEX65559 DOT65559 DYP65559 EIL65559 ESH65559 FCD65559 FLZ65559 FVV65559 GFR65559 GPN65559 GZJ65559 HJF65559 HTB65559 ICX65559 IMT65559 IWP65559 JGL65559 JQH65559 KAD65559 KJZ65559 KTV65559 LDR65559 LNN65559 LXJ65559 MHF65559 MRB65559 NAX65559 NKT65559 NUP65559 OEL65559 OOH65559 OYD65559 PHZ65559 PRV65559 QBR65559 QLN65559 QVJ65559 RFF65559 RPB65559 RYX65559 SIT65559 SSP65559 TCL65559 TMH65559 TWD65559 UFZ65559 UPV65559 UZR65559 VJN65559 VTJ65559 WDF65559 WNB65559 WWX65559 AP131095 KL131095 UH131095 AED131095 ANZ131095 AXV131095 BHR131095 BRN131095 CBJ131095 CLF131095 CVB131095 DEX131095 DOT131095 DYP131095 EIL131095 ESH131095 FCD131095 FLZ131095 FVV131095 GFR131095 GPN131095 GZJ131095 HJF131095 HTB131095 ICX131095 IMT131095 IWP131095 JGL131095 JQH131095 KAD131095 KJZ131095 KTV131095 LDR131095 LNN131095 LXJ131095 MHF131095 MRB131095 NAX131095 NKT131095 NUP131095 OEL131095 OOH131095 OYD131095 PHZ131095 PRV131095 QBR131095 QLN131095 QVJ131095 RFF131095 RPB131095 RYX131095 SIT131095 SSP131095 TCL131095 TMH131095 TWD131095 UFZ131095 UPV131095 UZR131095 VJN131095 VTJ131095 WDF131095 WNB131095 WWX131095 AP196631 KL196631 UH196631 AED196631 ANZ196631 AXV196631 BHR196631 BRN196631 CBJ196631 CLF196631 CVB196631 DEX196631 DOT196631 DYP196631 EIL196631 ESH196631 FCD196631 FLZ196631 FVV196631 GFR196631 GPN196631 GZJ196631 HJF196631 HTB196631 ICX196631 IMT196631 IWP196631 JGL196631 JQH196631 KAD196631 KJZ196631 KTV196631 LDR196631 LNN196631 LXJ196631 MHF196631 MRB196631 NAX196631 NKT196631 NUP196631 OEL196631 OOH196631 OYD196631 PHZ196631 PRV196631 QBR196631 QLN196631 QVJ196631 RFF196631 RPB196631 RYX196631 SIT196631 SSP196631 TCL196631 TMH196631 TWD196631 UFZ196631 UPV196631 UZR196631 VJN196631 VTJ196631 WDF196631 WNB196631 WWX196631 AP262167 KL262167 UH262167 AED262167 ANZ262167 AXV262167 BHR262167 BRN262167 CBJ262167 CLF262167 CVB262167 DEX262167 DOT262167 DYP262167 EIL262167 ESH262167 FCD262167 FLZ262167 FVV262167 GFR262167 GPN262167 GZJ262167 HJF262167 HTB262167 ICX262167 IMT262167 IWP262167 JGL262167 JQH262167 KAD262167 KJZ262167 KTV262167 LDR262167 LNN262167 LXJ262167 MHF262167 MRB262167 NAX262167 NKT262167 NUP262167 OEL262167 OOH262167 OYD262167 PHZ262167 PRV262167 QBR262167 QLN262167 QVJ262167 RFF262167 RPB262167 RYX262167 SIT262167 SSP262167 TCL262167 TMH262167 TWD262167 UFZ262167 UPV262167 UZR262167 VJN262167 VTJ262167 WDF262167 WNB262167 WWX262167 AP327703 KL327703 UH327703 AED327703 ANZ327703 AXV327703 BHR327703 BRN327703 CBJ327703 CLF327703 CVB327703 DEX327703 DOT327703 DYP327703 EIL327703 ESH327703 FCD327703 FLZ327703 FVV327703 GFR327703 GPN327703 GZJ327703 HJF327703 HTB327703 ICX327703 IMT327703 IWP327703 JGL327703 JQH327703 KAD327703 KJZ327703 KTV327703 LDR327703 LNN327703 LXJ327703 MHF327703 MRB327703 NAX327703 NKT327703 NUP327703 OEL327703 OOH327703 OYD327703 PHZ327703 PRV327703 QBR327703 QLN327703 QVJ327703 RFF327703 RPB327703 RYX327703 SIT327703 SSP327703 TCL327703 TMH327703 TWD327703 UFZ327703 UPV327703 UZR327703 VJN327703 VTJ327703 WDF327703 WNB327703 WWX327703 AP393239 KL393239 UH393239 AED393239 ANZ393239 AXV393239 BHR393239 BRN393239 CBJ393239 CLF393239 CVB393239 DEX393239 DOT393239 DYP393239 EIL393239 ESH393239 FCD393239 FLZ393239 FVV393239 GFR393239 GPN393239 GZJ393239 HJF393239 HTB393239 ICX393239 IMT393239 IWP393239 JGL393239 JQH393239 KAD393239 KJZ393239 KTV393239 LDR393239 LNN393239 LXJ393239 MHF393239 MRB393239 NAX393239 NKT393239 NUP393239 OEL393239 OOH393239 OYD393239 PHZ393239 PRV393239 QBR393239 QLN393239 QVJ393239 RFF393239 RPB393239 RYX393239 SIT393239 SSP393239 TCL393239 TMH393239 TWD393239 UFZ393239 UPV393239 UZR393239 VJN393239 VTJ393239 WDF393239 WNB393239 WWX393239 AP458775 KL458775 UH458775 AED458775 ANZ458775 AXV458775 BHR458775 BRN458775 CBJ458775 CLF458775 CVB458775 DEX458775 DOT458775 DYP458775 EIL458775 ESH458775 FCD458775 FLZ458775 FVV458775 GFR458775 GPN458775 GZJ458775 HJF458775 HTB458775 ICX458775 IMT458775 IWP458775 JGL458775 JQH458775 KAD458775 KJZ458775 KTV458775 LDR458775 LNN458775 LXJ458775 MHF458775 MRB458775 NAX458775 NKT458775 NUP458775 OEL458775 OOH458775 OYD458775 PHZ458775 PRV458775 QBR458775 QLN458775 QVJ458775 RFF458775 RPB458775 RYX458775 SIT458775 SSP458775 TCL458775 TMH458775 TWD458775 UFZ458775 UPV458775 UZR458775 VJN458775 VTJ458775 WDF458775 WNB458775 WWX458775 AP524311 KL524311 UH524311 AED524311 ANZ524311 AXV524311 BHR524311 BRN524311 CBJ524311 CLF524311 CVB524311 DEX524311 DOT524311 DYP524311 EIL524311 ESH524311 FCD524311 FLZ524311 FVV524311 GFR524311 GPN524311 GZJ524311 HJF524311 HTB524311 ICX524311 IMT524311 IWP524311 JGL524311 JQH524311 KAD524311 KJZ524311 KTV524311 LDR524311 LNN524311 LXJ524311 MHF524311 MRB524311 NAX524311 NKT524311 NUP524311 OEL524311 OOH524311 OYD524311 PHZ524311 PRV524311 QBR524311 QLN524311 QVJ524311 RFF524311 RPB524311 RYX524311 SIT524311 SSP524311 TCL524311 TMH524311 TWD524311 UFZ524311 UPV524311 UZR524311 VJN524311 VTJ524311 WDF524311 WNB524311 WWX524311 AP589847 KL589847 UH589847 AED589847 ANZ589847 AXV589847 BHR589847 BRN589847 CBJ589847 CLF589847 CVB589847 DEX589847 DOT589847 DYP589847 EIL589847 ESH589847 FCD589847 FLZ589847 FVV589847 GFR589847 GPN589847 GZJ589847 HJF589847 HTB589847 ICX589847 IMT589847 IWP589847 JGL589847 JQH589847 KAD589847 KJZ589847 KTV589847 LDR589847 LNN589847 LXJ589847 MHF589847 MRB589847 NAX589847 NKT589847 NUP589847 OEL589847 OOH589847 OYD589847 PHZ589847 PRV589847 QBR589847 QLN589847 QVJ589847 RFF589847 RPB589847 RYX589847 SIT589847 SSP589847 TCL589847 TMH589847 TWD589847 UFZ589847 UPV589847 UZR589847 VJN589847 VTJ589847 WDF589847 WNB589847 WWX589847 AP655383 KL655383 UH655383 AED655383 ANZ655383 AXV655383 BHR655383 BRN655383 CBJ655383 CLF655383 CVB655383 DEX655383 DOT655383 DYP655383 EIL655383 ESH655383 FCD655383 FLZ655383 FVV655383 GFR655383 GPN655383 GZJ655383 HJF655383 HTB655383 ICX655383 IMT655383 IWP655383 JGL655383 JQH655383 KAD655383 KJZ655383 KTV655383 LDR655383 LNN655383 LXJ655383 MHF655383 MRB655383 NAX655383 NKT655383 NUP655383 OEL655383 OOH655383 OYD655383 PHZ655383 PRV655383 QBR655383 QLN655383 QVJ655383 RFF655383 RPB655383 RYX655383 SIT655383 SSP655383 TCL655383 TMH655383 TWD655383 UFZ655383 UPV655383 UZR655383 VJN655383 VTJ655383 WDF655383 WNB655383 WWX655383 AP720919 KL720919 UH720919 AED720919 ANZ720919 AXV720919 BHR720919 BRN720919 CBJ720919 CLF720919 CVB720919 DEX720919 DOT720919 DYP720919 EIL720919 ESH720919 FCD720919 FLZ720919 FVV720919 GFR720919 GPN720919 GZJ720919 HJF720919 HTB720919 ICX720919 IMT720919 IWP720919 JGL720919 JQH720919 KAD720919 KJZ720919 KTV720919 LDR720919 LNN720919 LXJ720919 MHF720919 MRB720919 NAX720919 NKT720919 NUP720919 OEL720919 OOH720919 OYD720919 PHZ720919 PRV720919 QBR720919 QLN720919 QVJ720919 RFF720919 RPB720919 RYX720919 SIT720919 SSP720919 TCL720919 TMH720919 TWD720919 UFZ720919 UPV720919 UZR720919 VJN720919 VTJ720919 WDF720919 WNB720919 WWX720919 AP786455 KL786455 UH786455 AED786455 ANZ786455 AXV786455 BHR786455 BRN786455 CBJ786455 CLF786455 CVB786455 DEX786455 DOT786455 DYP786455 EIL786455 ESH786455 FCD786455 FLZ786455 FVV786455 GFR786455 GPN786455 GZJ786455 HJF786455 HTB786455 ICX786455 IMT786455 IWP786455 JGL786455 JQH786455 KAD786455 KJZ786455 KTV786455 LDR786455 LNN786455 LXJ786455 MHF786455 MRB786455 NAX786455 NKT786455 NUP786455 OEL786455 OOH786455 OYD786455 PHZ786455 PRV786455 QBR786455 QLN786455 QVJ786455 RFF786455 RPB786455 RYX786455 SIT786455 SSP786455 TCL786455 TMH786455 TWD786455 UFZ786455 UPV786455 UZR786455 VJN786455 VTJ786455 WDF786455 WNB786455 WWX786455 AP851991 KL851991 UH851991 AED851991 ANZ851991 AXV851991 BHR851991 BRN851991 CBJ851991 CLF851991 CVB851991 DEX851991 DOT851991 DYP851991 EIL851991 ESH851991 FCD851991 FLZ851991 FVV851991 GFR851991 GPN851991 GZJ851991 HJF851991 HTB851991 ICX851991 IMT851991 IWP851991 JGL851991 JQH851991 KAD851991 KJZ851991 KTV851991 LDR851991 LNN851991 LXJ851991 MHF851991 MRB851991 NAX851991 NKT851991 NUP851991 OEL851991 OOH851991 OYD851991 PHZ851991 PRV851991 QBR851991 QLN851991 QVJ851991 RFF851991 RPB851991 RYX851991 SIT851991 SSP851991 TCL851991 TMH851991 TWD851991 UFZ851991 UPV851991 UZR851991 VJN851991 VTJ851991 WDF851991 WNB851991 WWX851991 AP917527 KL917527 UH917527 AED917527 ANZ917527 AXV917527 BHR917527 BRN917527 CBJ917527 CLF917527 CVB917527 DEX917527 DOT917527 DYP917527 EIL917527 ESH917527 FCD917527 FLZ917527 FVV917527 GFR917527 GPN917527 GZJ917527 HJF917527 HTB917527 ICX917527 IMT917527 IWP917527 JGL917527 JQH917527 KAD917527 KJZ917527 KTV917527 LDR917527 LNN917527 LXJ917527 MHF917527 MRB917527 NAX917527 NKT917527 NUP917527 OEL917527 OOH917527 OYD917527 PHZ917527 PRV917527 QBR917527 QLN917527 QVJ917527 RFF917527 RPB917527 RYX917527 SIT917527 SSP917527 TCL917527 TMH917527 TWD917527 UFZ917527 UPV917527 UZR917527 VJN917527 VTJ917527 WDF917527 WNB917527 WWX917527 AP983063 KL983063 UH983063 AED983063 ANZ983063 AXV983063 BHR983063 BRN983063 CBJ983063 CLF983063 CVB983063 DEX983063 DOT983063 DYP983063 EIL983063 ESH983063 FCD983063 FLZ983063 FVV983063 GFR983063 GPN983063 GZJ983063 HJF983063 HTB983063 ICX983063 IMT983063 IWP983063 JGL983063 JQH983063 KAD983063 KJZ983063 KTV983063 LDR983063 LNN983063 LXJ983063 MHF983063 MRB983063 NAX983063 NKT983063 NUP983063 OEL983063 OOH983063 OYD983063 PHZ983063 PRV983063 QBR983063 QLN983063 QVJ983063 RFF983063 RPB983063 RYX983063 SIT983063 SSP983063 TCL983063 TMH983063 TWD983063 UFZ983063 UPV983063 UZR983063 VJN983063 VTJ983063 WDF983063 WNB983063 WWX983063" xr:uid="{00000000-0002-0000-0100-000025000000}"/>
    <dataValidation allowBlank="1" showInputMessage="1" showErrorMessage="1" promptTitle="写真" prompt="工程で一番アピールしたい工程の写真を貼付してください。　_x000a_・1次産品の場合は、ほ場の写真、出荷されるまでの工程を写真入りで説明されると良いでしょう。" sqref="AP45 KL45 UH45 AED45 ANZ45 AXV45 BHR45 BRN45 CBJ45 CLF45 CVB45 DEX45 DOT45 DYP45 EIL45 ESH45 FCD45 FLZ45 FVV45 GFR45 GPN45 GZJ45 HJF45 HTB45 ICX45 IMT45 IWP45 JGL45 JQH45 KAD45 KJZ45 KTV45 LDR45 LNN45 LXJ45 MHF45 MRB45 NAX45 NKT45 NUP45 OEL45 OOH45 OYD45 PHZ45 PRV45 QBR45 QLN45 QVJ45 RFF45 RPB45 RYX45 SIT45 SSP45 TCL45 TMH45 TWD45 UFZ45 UPV45 UZR45 VJN45 VTJ45 WDF45 WNB45 WWX45 AP65581 KL65581 UH65581 AED65581 ANZ65581 AXV65581 BHR65581 BRN65581 CBJ65581 CLF65581 CVB65581 DEX65581 DOT65581 DYP65581 EIL65581 ESH65581 FCD65581 FLZ65581 FVV65581 GFR65581 GPN65581 GZJ65581 HJF65581 HTB65581 ICX65581 IMT65581 IWP65581 JGL65581 JQH65581 KAD65581 KJZ65581 KTV65581 LDR65581 LNN65581 LXJ65581 MHF65581 MRB65581 NAX65581 NKT65581 NUP65581 OEL65581 OOH65581 OYD65581 PHZ65581 PRV65581 QBR65581 QLN65581 QVJ65581 RFF65581 RPB65581 RYX65581 SIT65581 SSP65581 TCL65581 TMH65581 TWD65581 UFZ65581 UPV65581 UZR65581 VJN65581 VTJ65581 WDF65581 WNB65581 WWX65581 AP131117 KL131117 UH131117 AED131117 ANZ131117 AXV131117 BHR131117 BRN131117 CBJ131117 CLF131117 CVB131117 DEX131117 DOT131117 DYP131117 EIL131117 ESH131117 FCD131117 FLZ131117 FVV131117 GFR131117 GPN131117 GZJ131117 HJF131117 HTB131117 ICX131117 IMT131117 IWP131117 JGL131117 JQH131117 KAD131117 KJZ131117 KTV131117 LDR131117 LNN131117 LXJ131117 MHF131117 MRB131117 NAX131117 NKT131117 NUP131117 OEL131117 OOH131117 OYD131117 PHZ131117 PRV131117 QBR131117 QLN131117 QVJ131117 RFF131117 RPB131117 RYX131117 SIT131117 SSP131117 TCL131117 TMH131117 TWD131117 UFZ131117 UPV131117 UZR131117 VJN131117 VTJ131117 WDF131117 WNB131117 WWX131117 AP196653 KL196653 UH196653 AED196653 ANZ196653 AXV196653 BHR196653 BRN196653 CBJ196653 CLF196653 CVB196653 DEX196653 DOT196653 DYP196653 EIL196653 ESH196653 FCD196653 FLZ196653 FVV196653 GFR196653 GPN196653 GZJ196653 HJF196653 HTB196653 ICX196653 IMT196653 IWP196653 JGL196653 JQH196653 KAD196653 KJZ196653 KTV196653 LDR196653 LNN196653 LXJ196653 MHF196653 MRB196653 NAX196653 NKT196653 NUP196653 OEL196653 OOH196653 OYD196653 PHZ196653 PRV196653 QBR196653 QLN196653 QVJ196653 RFF196653 RPB196653 RYX196653 SIT196653 SSP196653 TCL196653 TMH196653 TWD196653 UFZ196653 UPV196653 UZR196653 VJN196653 VTJ196653 WDF196653 WNB196653 WWX196653 AP262189 KL262189 UH262189 AED262189 ANZ262189 AXV262189 BHR262189 BRN262189 CBJ262189 CLF262189 CVB262189 DEX262189 DOT262189 DYP262189 EIL262189 ESH262189 FCD262189 FLZ262189 FVV262189 GFR262189 GPN262189 GZJ262189 HJF262189 HTB262189 ICX262189 IMT262189 IWP262189 JGL262189 JQH262189 KAD262189 KJZ262189 KTV262189 LDR262189 LNN262189 LXJ262189 MHF262189 MRB262189 NAX262189 NKT262189 NUP262189 OEL262189 OOH262189 OYD262189 PHZ262189 PRV262189 QBR262189 QLN262189 QVJ262189 RFF262189 RPB262189 RYX262189 SIT262189 SSP262189 TCL262189 TMH262189 TWD262189 UFZ262189 UPV262189 UZR262189 VJN262189 VTJ262189 WDF262189 WNB262189 WWX262189 AP327725 KL327725 UH327725 AED327725 ANZ327725 AXV327725 BHR327725 BRN327725 CBJ327725 CLF327725 CVB327725 DEX327725 DOT327725 DYP327725 EIL327725 ESH327725 FCD327725 FLZ327725 FVV327725 GFR327725 GPN327725 GZJ327725 HJF327725 HTB327725 ICX327725 IMT327725 IWP327725 JGL327725 JQH327725 KAD327725 KJZ327725 KTV327725 LDR327725 LNN327725 LXJ327725 MHF327725 MRB327725 NAX327725 NKT327725 NUP327725 OEL327725 OOH327725 OYD327725 PHZ327725 PRV327725 QBR327725 QLN327725 QVJ327725 RFF327725 RPB327725 RYX327725 SIT327725 SSP327725 TCL327725 TMH327725 TWD327725 UFZ327725 UPV327725 UZR327725 VJN327725 VTJ327725 WDF327725 WNB327725 WWX327725 AP393261 KL393261 UH393261 AED393261 ANZ393261 AXV393261 BHR393261 BRN393261 CBJ393261 CLF393261 CVB393261 DEX393261 DOT393261 DYP393261 EIL393261 ESH393261 FCD393261 FLZ393261 FVV393261 GFR393261 GPN393261 GZJ393261 HJF393261 HTB393261 ICX393261 IMT393261 IWP393261 JGL393261 JQH393261 KAD393261 KJZ393261 KTV393261 LDR393261 LNN393261 LXJ393261 MHF393261 MRB393261 NAX393261 NKT393261 NUP393261 OEL393261 OOH393261 OYD393261 PHZ393261 PRV393261 QBR393261 QLN393261 QVJ393261 RFF393261 RPB393261 RYX393261 SIT393261 SSP393261 TCL393261 TMH393261 TWD393261 UFZ393261 UPV393261 UZR393261 VJN393261 VTJ393261 WDF393261 WNB393261 WWX393261 AP458797 KL458797 UH458797 AED458797 ANZ458797 AXV458797 BHR458797 BRN458797 CBJ458797 CLF458797 CVB458797 DEX458797 DOT458797 DYP458797 EIL458797 ESH458797 FCD458797 FLZ458797 FVV458797 GFR458797 GPN458797 GZJ458797 HJF458797 HTB458797 ICX458797 IMT458797 IWP458797 JGL458797 JQH458797 KAD458797 KJZ458797 KTV458797 LDR458797 LNN458797 LXJ458797 MHF458797 MRB458797 NAX458797 NKT458797 NUP458797 OEL458797 OOH458797 OYD458797 PHZ458797 PRV458797 QBR458797 QLN458797 QVJ458797 RFF458797 RPB458797 RYX458797 SIT458797 SSP458797 TCL458797 TMH458797 TWD458797 UFZ458797 UPV458797 UZR458797 VJN458797 VTJ458797 WDF458797 WNB458797 WWX458797 AP524333 KL524333 UH524333 AED524333 ANZ524333 AXV524333 BHR524333 BRN524333 CBJ524333 CLF524333 CVB524333 DEX524333 DOT524333 DYP524333 EIL524333 ESH524333 FCD524333 FLZ524333 FVV524333 GFR524333 GPN524333 GZJ524333 HJF524333 HTB524333 ICX524333 IMT524333 IWP524333 JGL524333 JQH524333 KAD524333 KJZ524333 KTV524333 LDR524333 LNN524333 LXJ524333 MHF524333 MRB524333 NAX524333 NKT524333 NUP524333 OEL524333 OOH524333 OYD524333 PHZ524333 PRV524333 QBR524333 QLN524333 QVJ524333 RFF524333 RPB524333 RYX524333 SIT524333 SSP524333 TCL524333 TMH524333 TWD524333 UFZ524333 UPV524333 UZR524333 VJN524333 VTJ524333 WDF524333 WNB524333 WWX524333 AP589869 KL589869 UH589869 AED589869 ANZ589869 AXV589869 BHR589869 BRN589869 CBJ589869 CLF589869 CVB589869 DEX589869 DOT589869 DYP589869 EIL589869 ESH589869 FCD589869 FLZ589869 FVV589869 GFR589869 GPN589869 GZJ589869 HJF589869 HTB589869 ICX589869 IMT589869 IWP589869 JGL589869 JQH589869 KAD589869 KJZ589869 KTV589869 LDR589869 LNN589869 LXJ589869 MHF589869 MRB589869 NAX589869 NKT589869 NUP589869 OEL589869 OOH589869 OYD589869 PHZ589869 PRV589869 QBR589869 QLN589869 QVJ589869 RFF589869 RPB589869 RYX589869 SIT589869 SSP589869 TCL589869 TMH589869 TWD589869 UFZ589869 UPV589869 UZR589869 VJN589869 VTJ589869 WDF589869 WNB589869 WWX589869 AP655405 KL655405 UH655405 AED655405 ANZ655405 AXV655405 BHR655405 BRN655405 CBJ655405 CLF655405 CVB655405 DEX655405 DOT655405 DYP655405 EIL655405 ESH655405 FCD655405 FLZ655405 FVV655405 GFR655405 GPN655405 GZJ655405 HJF655405 HTB655405 ICX655405 IMT655405 IWP655405 JGL655405 JQH655405 KAD655405 KJZ655405 KTV655405 LDR655405 LNN655405 LXJ655405 MHF655405 MRB655405 NAX655405 NKT655405 NUP655405 OEL655405 OOH655405 OYD655405 PHZ655405 PRV655405 QBR655405 QLN655405 QVJ655405 RFF655405 RPB655405 RYX655405 SIT655405 SSP655405 TCL655405 TMH655405 TWD655405 UFZ655405 UPV655405 UZR655405 VJN655405 VTJ655405 WDF655405 WNB655405 WWX655405 AP720941 KL720941 UH720941 AED720941 ANZ720941 AXV720941 BHR720941 BRN720941 CBJ720941 CLF720941 CVB720941 DEX720941 DOT720941 DYP720941 EIL720941 ESH720941 FCD720941 FLZ720941 FVV720941 GFR720941 GPN720941 GZJ720941 HJF720941 HTB720941 ICX720941 IMT720941 IWP720941 JGL720941 JQH720941 KAD720941 KJZ720941 KTV720941 LDR720941 LNN720941 LXJ720941 MHF720941 MRB720941 NAX720941 NKT720941 NUP720941 OEL720941 OOH720941 OYD720941 PHZ720941 PRV720941 QBR720941 QLN720941 QVJ720941 RFF720941 RPB720941 RYX720941 SIT720941 SSP720941 TCL720941 TMH720941 TWD720941 UFZ720941 UPV720941 UZR720941 VJN720941 VTJ720941 WDF720941 WNB720941 WWX720941 AP786477 KL786477 UH786477 AED786477 ANZ786477 AXV786477 BHR786477 BRN786477 CBJ786477 CLF786477 CVB786477 DEX786477 DOT786477 DYP786477 EIL786477 ESH786477 FCD786477 FLZ786477 FVV786477 GFR786477 GPN786477 GZJ786477 HJF786477 HTB786477 ICX786477 IMT786477 IWP786477 JGL786477 JQH786477 KAD786477 KJZ786477 KTV786477 LDR786477 LNN786477 LXJ786477 MHF786477 MRB786477 NAX786477 NKT786477 NUP786477 OEL786477 OOH786477 OYD786477 PHZ786477 PRV786477 QBR786477 QLN786477 QVJ786477 RFF786477 RPB786477 RYX786477 SIT786477 SSP786477 TCL786477 TMH786477 TWD786477 UFZ786477 UPV786477 UZR786477 VJN786477 VTJ786477 WDF786477 WNB786477 WWX786477 AP852013 KL852013 UH852013 AED852013 ANZ852013 AXV852013 BHR852013 BRN852013 CBJ852013 CLF852013 CVB852013 DEX852013 DOT852013 DYP852013 EIL852013 ESH852013 FCD852013 FLZ852013 FVV852013 GFR852013 GPN852013 GZJ852013 HJF852013 HTB852013 ICX852013 IMT852013 IWP852013 JGL852013 JQH852013 KAD852013 KJZ852013 KTV852013 LDR852013 LNN852013 LXJ852013 MHF852013 MRB852013 NAX852013 NKT852013 NUP852013 OEL852013 OOH852013 OYD852013 PHZ852013 PRV852013 QBR852013 QLN852013 QVJ852013 RFF852013 RPB852013 RYX852013 SIT852013 SSP852013 TCL852013 TMH852013 TWD852013 UFZ852013 UPV852013 UZR852013 VJN852013 VTJ852013 WDF852013 WNB852013 WWX852013 AP917549 KL917549 UH917549 AED917549 ANZ917549 AXV917549 BHR917549 BRN917549 CBJ917549 CLF917549 CVB917549 DEX917549 DOT917549 DYP917549 EIL917549 ESH917549 FCD917549 FLZ917549 FVV917549 GFR917549 GPN917549 GZJ917549 HJF917549 HTB917549 ICX917549 IMT917549 IWP917549 JGL917549 JQH917549 KAD917549 KJZ917549 KTV917549 LDR917549 LNN917549 LXJ917549 MHF917549 MRB917549 NAX917549 NKT917549 NUP917549 OEL917549 OOH917549 OYD917549 PHZ917549 PRV917549 QBR917549 QLN917549 QVJ917549 RFF917549 RPB917549 RYX917549 SIT917549 SSP917549 TCL917549 TMH917549 TWD917549 UFZ917549 UPV917549 UZR917549 VJN917549 VTJ917549 WDF917549 WNB917549 WWX917549 AP983085 KL983085 UH983085 AED983085 ANZ983085 AXV983085 BHR983085 BRN983085 CBJ983085 CLF983085 CVB983085 DEX983085 DOT983085 DYP983085 EIL983085 ESH983085 FCD983085 FLZ983085 FVV983085 GFR983085 GPN983085 GZJ983085 HJF983085 HTB983085 ICX983085 IMT983085 IWP983085 JGL983085 JQH983085 KAD983085 KJZ983085 KTV983085 LDR983085 LNN983085 LXJ983085 MHF983085 MRB983085 NAX983085 NKT983085 NUP983085 OEL983085 OOH983085 OYD983085 PHZ983085 PRV983085 QBR983085 QLN983085 QVJ983085 RFF983085 RPB983085 RYX983085 SIT983085 SSP983085 TCL983085 TMH983085 TWD983085 UFZ983085 UPV983085 UZR983085 VJN983085 VTJ983085 WDF983085 WNB983085 WWX983085 AG45 KC45 TY45 ADU45 ANQ45 AXM45 BHI45 BRE45 CBA45 CKW45 CUS45 DEO45 DOK45 DYG45 EIC45 ERY45 FBU45 FLQ45 FVM45 GFI45 GPE45 GZA45 HIW45 HSS45 ICO45 IMK45 IWG45 JGC45 JPY45 JZU45 KJQ45 KTM45 LDI45 LNE45 LXA45 MGW45 MQS45 NAO45 NKK45 NUG45 OEC45 ONY45 OXU45 PHQ45 PRM45 QBI45 QLE45 QVA45 REW45 ROS45 RYO45 SIK45 SSG45 TCC45 TLY45 TVU45 UFQ45 UPM45 UZI45 VJE45 VTA45 WCW45 WMS45 WWO45 AG65581 KC65581 TY65581 ADU65581 ANQ65581 AXM65581 BHI65581 BRE65581 CBA65581 CKW65581 CUS65581 DEO65581 DOK65581 DYG65581 EIC65581 ERY65581 FBU65581 FLQ65581 FVM65581 GFI65581 GPE65581 GZA65581 HIW65581 HSS65581 ICO65581 IMK65581 IWG65581 JGC65581 JPY65581 JZU65581 KJQ65581 KTM65581 LDI65581 LNE65581 LXA65581 MGW65581 MQS65581 NAO65581 NKK65581 NUG65581 OEC65581 ONY65581 OXU65581 PHQ65581 PRM65581 QBI65581 QLE65581 QVA65581 REW65581 ROS65581 RYO65581 SIK65581 SSG65581 TCC65581 TLY65581 TVU65581 UFQ65581 UPM65581 UZI65581 VJE65581 VTA65581 WCW65581 WMS65581 WWO65581 AG131117 KC131117 TY131117 ADU131117 ANQ131117 AXM131117 BHI131117 BRE131117 CBA131117 CKW131117 CUS131117 DEO131117 DOK131117 DYG131117 EIC131117 ERY131117 FBU131117 FLQ131117 FVM131117 GFI131117 GPE131117 GZA131117 HIW131117 HSS131117 ICO131117 IMK131117 IWG131117 JGC131117 JPY131117 JZU131117 KJQ131117 KTM131117 LDI131117 LNE131117 LXA131117 MGW131117 MQS131117 NAO131117 NKK131117 NUG131117 OEC131117 ONY131117 OXU131117 PHQ131117 PRM131117 QBI131117 QLE131117 QVA131117 REW131117 ROS131117 RYO131117 SIK131117 SSG131117 TCC131117 TLY131117 TVU131117 UFQ131117 UPM131117 UZI131117 VJE131117 VTA131117 WCW131117 WMS131117 WWO131117 AG196653 KC196653 TY196653 ADU196653 ANQ196653 AXM196653 BHI196653 BRE196653 CBA196653 CKW196653 CUS196653 DEO196653 DOK196653 DYG196653 EIC196653 ERY196653 FBU196653 FLQ196653 FVM196653 GFI196653 GPE196653 GZA196653 HIW196653 HSS196653 ICO196653 IMK196653 IWG196653 JGC196653 JPY196653 JZU196653 KJQ196653 KTM196653 LDI196653 LNE196653 LXA196653 MGW196653 MQS196653 NAO196653 NKK196653 NUG196653 OEC196653 ONY196653 OXU196653 PHQ196653 PRM196653 QBI196653 QLE196653 QVA196653 REW196653 ROS196653 RYO196653 SIK196653 SSG196653 TCC196653 TLY196653 TVU196653 UFQ196653 UPM196653 UZI196653 VJE196653 VTA196653 WCW196653 WMS196653 WWO196653 AG262189 KC262189 TY262189 ADU262189 ANQ262189 AXM262189 BHI262189 BRE262189 CBA262189 CKW262189 CUS262189 DEO262189 DOK262189 DYG262189 EIC262189 ERY262189 FBU262189 FLQ262189 FVM262189 GFI262189 GPE262189 GZA262189 HIW262189 HSS262189 ICO262189 IMK262189 IWG262189 JGC262189 JPY262189 JZU262189 KJQ262189 KTM262189 LDI262189 LNE262189 LXA262189 MGW262189 MQS262189 NAO262189 NKK262189 NUG262189 OEC262189 ONY262189 OXU262189 PHQ262189 PRM262189 QBI262189 QLE262189 QVA262189 REW262189 ROS262189 RYO262189 SIK262189 SSG262189 TCC262189 TLY262189 TVU262189 UFQ262189 UPM262189 UZI262189 VJE262189 VTA262189 WCW262189 WMS262189 WWO262189 AG327725 KC327725 TY327725 ADU327725 ANQ327725 AXM327725 BHI327725 BRE327725 CBA327725 CKW327725 CUS327725 DEO327725 DOK327725 DYG327725 EIC327725 ERY327725 FBU327725 FLQ327725 FVM327725 GFI327725 GPE327725 GZA327725 HIW327725 HSS327725 ICO327725 IMK327725 IWG327725 JGC327725 JPY327725 JZU327725 KJQ327725 KTM327725 LDI327725 LNE327725 LXA327725 MGW327725 MQS327725 NAO327725 NKK327725 NUG327725 OEC327725 ONY327725 OXU327725 PHQ327725 PRM327725 QBI327725 QLE327725 QVA327725 REW327725 ROS327725 RYO327725 SIK327725 SSG327725 TCC327725 TLY327725 TVU327725 UFQ327725 UPM327725 UZI327725 VJE327725 VTA327725 WCW327725 WMS327725 WWO327725 AG393261 KC393261 TY393261 ADU393261 ANQ393261 AXM393261 BHI393261 BRE393261 CBA393261 CKW393261 CUS393261 DEO393261 DOK393261 DYG393261 EIC393261 ERY393261 FBU393261 FLQ393261 FVM393261 GFI393261 GPE393261 GZA393261 HIW393261 HSS393261 ICO393261 IMK393261 IWG393261 JGC393261 JPY393261 JZU393261 KJQ393261 KTM393261 LDI393261 LNE393261 LXA393261 MGW393261 MQS393261 NAO393261 NKK393261 NUG393261 OEC393261 ONY393261 OXU393261 PHQ393261 PRM393261 QBI393261 QLE393261 QVA393261 REW393261 ROS393261 RYO393261 SIK393261 SSG393261 TCC393261 TLY393261 TVU393261 UFQ393261 UPM393261 UZI393261 VJE393261 VTA393261 WCW393261 WMS393261 WWO393261 AG458797 KC458797 TY458797 ADU458797 ANQ458797 AXM458797 BHI458797 BRE458797 CBA458797 CKW458797 CUS458797 DEO458797 DOK458797 DYG458797 EIC458797 ERY458797 FBU458797 FLQ458797 FVM458797 GFI458797 GPE458797 GZA458797 HIW458797 HSS458797 ICO458797 IMK458797 IWG458797 JGC458797 JPY458797 JZU458797 KJQ458797 KTM458797 LDI458797 LNE458797 LXA458797 MGW458797 MQS458797 NAO458797 NKK458797 NUG458797 OEC458797 ONY458797 OXU458797 PHQ458797 PRM458797 QBI458797 QLE458797 QVA458797 REW458797 ROS458797 RYO458797 SIK458797 SSG458797 TCC458797 TLY458797 TVU458797 UFQ458797 UPM458797 UZI458797 VJE458797 VTA458797 WCW458797 WMS458797 WWO458797 AG524333 KC524333 TY524333 ADU524333 ANQ524333 AXM524333 BHI524333 BRE524333 CBA524333 CKW524333 CUS524333 DEO524333 DOK524333 DYG524333 EIC524333 ERY524333 FBU524333 FLQ524333 FVM524333 GFI524333 GPE524333 GZA524333 HIW524333 HSS524333 ICO524333 IMK524333 IWG524333 JGC524333 JPY524333 JZU524333 KJQ524333 KTM524333 LDI524333 LNE524333 LXA524333 MGW524333 MQS524333 NAO524333 NKK524333 NUG524333 OEC524333 ONY524333 OXU524333 PHQ524333 PRM524333 QBI524333 QLE524333 QVA524333 REW524333 ROS524333 RYO524333 SIK524333 SSG524333 TCC524333 TLY524333 TVU524333 UFQ524333 UPM524333 UZI524333 VJE524333 VTA524333 WCW524333 WMS524333 WWO524333 AG589869 KC589869 TY589869 ADU589869 ANQ589869 AXM589869 BHI589869 BRE589869 CBA589869 CKW589869 CUS589869 DEO589869 DOK589869 DYG589869 EIC589869 ERY589869 FBU589869 FLQ589869 FVM589869 GFI589869 GPE589869 GZA589869 HIW589869 HSS589869 ICO589869 IMK589869 IWG589869 JGC589869 JPY589869 JZU589869 KJQ589869 KTM589869 LDI589869 LNE589869 LXA589869 MGW589869 MQS589869 NAO589869 NKK589869 NUG589869 OEC589869 ONY589869 OXU589869 PHQ589869 PRM589869 QBI589869 QLE589869 QVA589869 REW589869 ROS589869 RYO589869 SIK589869 SSG589869 TCC589869 TLY589869 TVU589869 UFQ589869 UPM589869 UZI589869 VJE589869 VTA589869 WCW589869 WMS589869 WWO589869 AG655405 KC655405 TY655405 ADU655405 ANQ655405 AXM655405 BHI655405 BRE655405 CBA655405 CKW655405 CUS655405 DEO655405 DOK655405 DYG655405 EIC655405 ERY655405 FBU655405 FLQ655405 FVM655405 GFI655405 GPE655405 GZA655405 HIW655405 HSS655405 ICO655405 IMK655405 IWG655405 JGC655405 JPY655405 JZU655405 KJQ655405 KTM655405 LDI655405 LNE655405 LXA655405 MGW655405 MQS655405 NAO655405 NKK655405 NUG655405 OEC655405 ONY655405 OXU655405 PHQ655405 PRM655405 QBI655405 QLE655405 QVA655405 REW655405 ROS655405 RYO655405 SIK655405 SSG655405 TCC655405 TLY655405 TVU655405 UFQ655405 UPM655405 UZI655405 VJE655405 VTA655405 WCW655405 WMS655405 WWO655405 AG720941 KC720941 TY720941 ADU720941 ANQ720941 AXM720941 BHI720941 BRE720941 CBA720941 CKW720941 CUS720941 DEO720941 DOK720941 DYG720941 EIC720941 ERY720941 FBU720941 FLQ720941 FVM720941 GFI720941 GPE720941 GZA720941 HIW720941 HSS720941 ICO720941 IMK720941 IWG720941 JGC720941 JPY720941 JZU720941 KJQ720941 KTM720941 LDI720941 LNE720941 LXA720941 MGW720941 MQS720941 NAO720941 NKK720941 NUG720941 OEC720941 ONY720941 OXU720941 PHQ720941 PRM720941 QBI720941 QLE720941 QVA720941 REW720941 ROS720941 RYO720941 SIK720941 SSG720941 TCC720941 TLY720941 TVU720941 UFQ720941 UPM720941 UZI720941 VJE720941 VTA720941 WCW720941 WMS720941 WWO720941 AG786477 KC786477 TY786477 ADU786477 ANQ786477 AXM786477 BHI786477 BRE786477 CBA786477 CKW786477 CUS786477 DEO786477 DOK786477 DYG786477 EIC786477 ERY786477 FBU786477 FLQ786477 FVM786477 GFI786477 GPE786477 GZA786477 HIW786477 HSS786477 ICO786477 IMK786477 IWG786477 JGC786477 JPY786477 JZU786477 KJQ786477 KTM786477 LDI786477 LNE786477 LXA786477 MGW786477 MQS786477 NAO786477 NKK786477 NUG786477 OEC786477 ONY786477 OXU786477 PHQ786477 PRM786477 QBI786477 QLE786477 QVA786477 REW786477 ROS786477 RYO786477 SIK786477 SSG786477 TCC786477 TLY786477 TVU786477 UFQ786477 UPM786477 UZI786477 VJE786477 VTA786477 WCW786477 WMS786477 WWO786477 AG852013 KC852013 TY852013 ADU852013 ANQ852013 AXM852013 BHI852013 BRE852013 CBA852013 CKW852013 CUS852013 DEO852013 DOK852013 DYG852013 EIC852013 ERY852013 FBU852013 FLQ852013 FVM852013 GFI852013 GPE852013 GZA852013 HIW852013 HSS852013 ICO852013 IMK852013 IWG852013 JGC852013 JPY852013 JZU852013 KJQ852013 KTM852013 LDI852013 LNE852013 LXA852013 MGW852013 MQS852013 NAO852013 NKK852013 NUG852013 OEC852013 ONY852013 OXU852013 PHQ852013 PRM852013 QBI852013 QLE852013 QVA852013 REW852013 ROS852013 RYO852013 SIK852013 SSG852013 TCC852013 TLY852013 TVU852013 UFQ852013 UPM852013 UZI852013 VJE852013 VTA852013 WCW852013 WMS852013 WWO852013 AG917549 KC917549 TY917549 ADU917549 ANQ917549 AXM917549 BHI917549 BRE917549 CBA917549 CKW917549 CUS917549 DEO917549 DOK917549 DYG917549 EIC917549 ERY917549 FBU917549 FLQ917549 FVM917549 GFI917549 GPE917549 GZA917549 HIW917549 HSS917549 ICO917549 IMK917549 IWG917549 JGC917549 JPY917549 JZU917549 KJQ917549 KTM917549 LDI917549 LNE917549 LXA917549 MGW917549 MQS917549 NAO917549 NKK917549 NUG917549 OEC917549 ONY917549 OXU917549 PHQ917549 PRM917549 QBI917549 QLE917549 QVA917549 REW917549 ROS917549 RYO917549 SIK917549 SSG917549 TCC917549 TLY917549 TVU917549 UFQ917549 UPM917549 UZI917549 VJE917549 VTA917549 WCW917549 WMS917549 WWO917549 AG983085 KC983085 TY983085 ADU983085 ANQ983085 AXM983085 BHI983085 BRE983085 CBA983085 CKW983085 CUS983085 DEO983085 DOK983085 DYG983085 EIC983085 ERY983085 FBU983085 FLQ983085 FVM983085 GFI983085 GPE983085 GZA983085 HIW983085 HSS983085 ICO983085 IMK983085 IWG983085 JGC983085 JPY983085 JZU983085 KJQ983085 KTM983085 LDI983085 LNE983085 LXA983085 MGW983085 MQS983085 NAO983085 NKK983085 NUG983085 OEC983085 ONY983085 OXU983085 PHQ983085 PRM983085 QBI983085 QLE983085 QVA983085 REW983085 ROS983085 RYO983085 SIK983085 SSG983085 TCC983085 TLY983085 TVU983085 UFQ983085 UPM983085 UZI983085 VJE983085 VTA983085 WCW983085 WMS983085 WWO983085 AY45 KU45 UQ45 AEM45 AOI45 AYE45 BIA45 BRW45 CBS45 CLO45 CVK45 DFG45 DPC45 DYY45 EIU45 ESQ45 FCM45 FMI45 FWE45 GGA45 GPW45 GZS45 HJO45 HTK45 IDG45 INC45 IWY45 JGU45 JQQ45 KAM45 KKI45 KUE45 LEA45 LNW45 LXS45 MHO45 MRK45 NBG45 NLC45 NUY45 OEU45 OOQ45 OYM45 PII45 PSE45 QCA45 QLW45 QVS45 RFO45 RPK45 RZG45 SJC45 SSY45 TCU45 TMQ45 TWM45 UGI45 UQE45 VAA45 VJW45 VTS45 WDO45 WNK45 WXG45 AY65581 KU65581 UQ65581 AEM65581 AOI65581 AYE65581 BIA65581 BRW65581 CBS65581 CLO65581 CVK65581 DFG65581 DPC65581 DYY65581 EIU65581 ESQ65581 FCM65581 FMI65581 FWE65581 GGA65581 GPW65581 GZS65581 HJO65581 HTK65581 IDG65581 INC65581 IWY65581 JGU65581 JQQ65581 KAM65581 KKI65581 KUE65581 LEA65581 LNW65581 LXS65581 MHO65581 MRK65581 NBG65581 NLC65581 NUY65581 OEU65581 OOQ65581 OYM65581 PII65581 PSE65581 QCA65581 QLW65581 QVS65581 RFO65581 RPK65581 RZG65581 SJC65581 SSY65581 TCU65581 TMQ65581 TWM65581 UGI65581 UQE65581 VAA65581 VJW65581 VTS65581 WDO65581 WNK65581 WXG65581 AY131117 KU131117 UQ131117 AEM131117 AOI131117 AYE131117 BIA131117 BRW131117 CBS131117 CLO131117 CVK131117 DFG131117 DPC131117 DYY131117 EIU131117 ESQ131117 FCM131117 FMI131117 FWE131117 GGA131117 GPW131117 GZS131117 HJO131117 HTK131117 IDG131117 INC131117 IWY131117 JGU131117 JQQ131117 KAM131117 KKI131117 KUE131117 LEA131117 LNW131117 LXS131117 MHO131117 MRK131117 NBG131117 NLC131117 NUY131117 OEU131117 OOQ131117 OYM131117 PII131117 PSE131117 QCA131117 QLW131117 QVS131117 RFO131117 RPK131117 RZG131117 SJC131117 SSY131117 TCU131117 TMQ131117 TWM131117 UGI131117 UQE131117 VAA131117 VJW131117 VTS131117 WDO131117 WNK131117 WXG131117 AY196653 KU196653 UQ196653 AEM196653 AOI196653 AYE196653 BIA196653 BRW196653 CBS196653 CLO196653 CVK196653 DFG196653 DPC196653 DYY196653 EIU196653 ESQ196653 FCM196653 FMI196653 FWE196653 GGA196653 GPW196653 GZS196653 HJO196653 HTK196653 IDG196653 INC196653 IWY196653 JGU196653 JQQ196653 KAM196653 KKI196653 KUE196653 LEA196653 LNW196653 LXS196653 MHO196653 MRK196653 NBG196653 NLC196653 NUY196653 OEU196653 OOQ196653 OYM196653 PII196653 PSE196653 QCA196653 QLW196653 QVS196653 RFO196653 RPK196653 RZG196653 SJC196653 SSY196653 TCU196653 TMQ196653 TWM196653 UGI196653 UQE196653 VAA196653 VJW196653 VTS196653 WDO196653 WNK196653 WXG196653 AY262189 KU262189 UQ262189 AEM262189 AOI262189 AYE262189 BIA262189 BRW262189 CBS262189 CLO262189 CVK262189 DFG262189 DPC262189 DYY262189 EIU262189 ESQ262189 FCM262189 FMI262189 FWE262189 GGA262189 GPW262189 GZS262189 HJO262189 HTK262189 IDG262189 INC262189 IWY262189 JGU262189 JQQ262189 KAM262189 KKI262189 KUE262189 LEA262189 LNW262189 LXS262189 MHO262189 MRK262189 NBG262189 NLC262189 NUY262189 OEU262189 OOQ262189 OYM262189 PII262189 PSE262189 QCA262189 QLW262189 QVS262189 RFO262189 RPK262189 RZG262189 SJC262189 SSY262189 TCU262189 TMQ262189 TWM262189 UGI262189 UQE262189 VAA262189 VJW262189 VTS262189 WDO262189 WNK262189 WXG262189 AY327725 KU327725 UQ327725 AEM327725 AOI327725 AYE327725 BIA327725 BRW327725 CBS327725 CLO327725 CVK327725 DFG327725 DPC327725 DYY327725 EIU327725 ESQ327725 FCM327725 FMI327725 FWE327725 GGA327725 GPW327725 GZS327725 HJO327725 HTK327725 IDG327725 INC327725 IWY327725 JGU327725 JQQ327725 KAM327725 KKI327725 KUE327725 LEA327725 LNW327725 LXS327725 MHO327725 MRK327725 NBG327725 NLC327725 NUY327725 OEU327725 OOQ327725 OYM327725 PII327725 PSE327725 QCA327725 QLW327725 QVS327725 RFO327725 RPK327725 RZG327725 SJC327725 SSY327725 TCU327725 TMQ327725 TWM327725 UGI327725 UQE327725 VAA327725 VJW327725 VTS327725 WDO327725 WNK327725 WXG327725 AY393261 KU393261 UQ393261 AEM393261 AOI393261 AYE393261 BIA393261 BRW393261 CBS393261 CLO393261 CVK393261 DFG393261 DPC393261 DYY393261 EIU393261 ESQ393261 FCM393261 FMI393261 FWE393261 GGA393261 GPW393261 GZS393261 HJO393261 HTK393261 IDG393261 INC393261 IWY393261 JGU393261 JQQ393261 KAM393261 KKI393261 KUE393261 LEA393261 LNW393261 LXS393261 MHO393261 MRK393261 NBG393261 NLC393261 NUY393261 OEU393261 OOQ393261 OYM393261 PII393261 PSE393261 QCA393261 QLW393261 QVS393261 RFO393261 RPK393261 RZG393261 SJC393261 SSY393261 TCU393261 TMQ393261 TWM393261 UGI393261 UQE393261 VAA393261 VJW393261 VTS393261 WDO393261 WNK393261 WXG393261 AY458797 KU458797 UQ458797 AEM458797 AOI458797 AYE458797 BIA458797 BRW458797 CBS458797 CLO458797 CVK458797 DFG458797 DPC458797 DYY458797 EIU458797 ESQ458797 FCM458797 FMI458797 FWE458797 GGA458797 GPW458797 GZS458797 HJO458797 HTK458797 IDG458797 INC458797 IWY458797 JGU458797 JQQ458797 KAM458797 KKI458797 KUE458797 LEA458797 LNW458797 LXS458797 MHO458797 MRK458797 NBG458797 NLC458797 NUY458797 OEU458797 OOQ458797 OYM458797 PII458797 PSE458797 QCA458797 QLW458797 QVS458797 RFO458797 RPK458797 RZG458797 SJC458797 SSY458797 TCU458797 TMQ458797 TWM458797 UGI458797 UQE458797 VAA458797 VJW458797 VTS458797 WDO458797 WNK458797 WXG458797 AY524333 KU524333 UQ524333 AEM524333 AOI524333 AYE524333 BIA524333 BRW524333 CBS524333 CLO524333 CVK524333 DFG524333 DPC524333 DYY524333 EIU524333 ESQ524333 FCM524333 FMI524333 FWE524333 GGA524333 GPW524333 GZS524333 HJO524333 HTK524333 IDG524333 INC524333 IWY524333 JGU524333 JQQ524333 KAM524333 KKI524333 KUE524333 LEA524333 LNW524333 LXS524333 MHO524333 MRK524333 NBG524333 NLC524333 NUY524333 OEU524333 OOQ524333 OYM524333 PII524333 PSE524333 QCA524333 QLW524333 QVS524333 RFO524333 RPK524333 RZG524333 SJC524333 SSY524333 TCU524333 TMQ524333 TWM524333 UGI524333 UQE524333 VAA524333 VJW524333 VTS524333 WDO524333 WNK524333 WXG524333 AY589869 KU589869 UQ589869 AEM589869 AOI589869 AYE589869 BIA589869 BRW589869 CBS589869 CLO589869 CVK589869 DFG589869 DPC589869 DYY589869 EIU589869 ESQ589869 FCM589869 FMI589869 FWE589869 GGA589869 GPW589869 GZS589869 HJO589869 HTK589869 IDG589869 INC589869 IWY589869 JGU589869 JQQ589869 KAM589869 KKI589869 KUE589869 LEA589869 LNW589869 LXS589869 MHO589869 MRK589869 NBG589869 NLC589869 NUY589869 OEU589869 OOQ589869 OYM589869 PII589869 PSE589869 QCA589869 QLW589869 QVS589869 RFO589869 RPK589869 RZG589869 SJC589869 SSY589869 TCU589869 TMQ589869 TWM589869 UGI589869 UQE589869 VAA589869 VJW589869 VTS589869 WDO589869 WNK589869 WXG589869 AY655405 KU655405 UQ655405 AEM655405 AOI655405 AYE655405 BIA655405 BRW655405 CBS655405 CLO655405 CVK655405 DFG655405 DPC655405 DYY655405 EIU655405 ESQ655405 FCM655405 FMI655405 FWE655405 GGA655405 GPW655405 GZS655405 HJO655405 HTK655405 IDG655405 INC655405 IWY655405 JGU655405 JQQ655405 KAM655405 KKI655405 KUE655405 LEA655405 LNW655405 LXS655405 MHO655405 MRK655405 NBG655405 NLC655405 NUY655405 OEU655405 OOQ655405 OYM655405 PII655405 PSE655405 QCA655405 QLW655405 QVS655405 RFO655405 RPK655405 RZG655405 SJC655405 SSY655405 TCU655405 TMQ655405 TWM655405 UGI655405 UQE655405 VAA655405 VJW655405 VTS655405 WDO655405 WNK655405 WXG655405 AY720941 KU720941 UQ720941 AEM720941 AOI720941 AYE720941 BIA720941 BRW720941 CBS720941 CLO720941 CVK720941 DFG720941 DPC720941 DYY720941 EIU720941 ESQ720941 FCM720941 FMI720941 FWE720941 GGA720941 GPW720941 GZS720941 HJO720941 HTK720941 IDG720941 INC720941 IWY720941 JGU720941 JQQ720941 KAM720941 KKI720941 KUE720941 LEA720941 LNW720941 LXS720941 MHO720941 MRK720941 NBG720941 NLC720941 NUY720941 OEU720941 OOQ720941 OYM720941 PII720941 PSE720941 QCA720941 QLW720941 QVS720941 RFO720941 RPK720941 RZG720941 SJC720941 SSY720941 TCU720941 TMQ720941 TWM720941 UGI720941 UQE720941 VAA720941 VJW720941 VTS720941 WDO720941 WNK720941 WXG720941 AY786477 KU786477 UQ786477 AEM786477 AOI786477 AYE786477 BIA786477 BRW786477 CBS786477 CLO786477 CVK786477 DFG786477 DPC786477 DYY786477 EIU786477 ESQ786477 FCM786477 FMI786477 FWE786477 GGA786477 GPW786477 GZS786477 HJO786477 HTK786477 IDG786477 INC786477 IWY786477 JGU786477 JQQ786477 KAM786477 KKI786477 KUE786477 LEA786477 LNW786477 LXS786477 MHO786477 MRK786477 NBG786477 NLC786477 NUY786477 OEU786477 OOQ786477 OYM786477 PII786477 PSE786477 QCA786477 QLW786477 QVS786477 RFO786477 RPK786477 RZG786477 SJC786477 SSY786477 TCU786477 TMQ786477 TWM786477 UGI786477 UQE786477 VAA786477 VJW786477 VTS786477 WDO786477 WNK786477 WXG786477 AY852013 KU852013 UQ852013 AEM852013 AOI852013 AYE852013 BIA852013 BRW852013 CBS852013 CLO852013 CVK852013 DFG852013 DPC852013 DYY852013 EIU852013 ESQ852013 FCM852013 FMI852013 FWE852013 GGA852013 GPW852013 GZS852013 HJO852013 HTK852013 IDG852013 INC852013 IWY852013 JGU852013 JQQ852013 KAM852013 KKI852013 KUE852013 LEA852013 LNW852013 LXS852013 MHO852013 MRK852013 NBG852013 NLC852013 NUY852013 OEU852013 OOQ852013 OYM852013 PII852013 PSE852013 QCA852013 QLW852013 QVS852013 RFO852013 RPK852013 RZG852013 SJC852013 SSY852013 TCU852013 TMQ852013 TWM852013 UGI852013 UQE852013 VAA852013 VJW852013 VTS852013 WDO852013 WNK852013 WXG852013 AY917549 KU917549 UQ917549 AEM917549 AOI917549 AYE917549 BIA917549 BRW917549 CBS917549 CLO917549 CVK917549 DFG917549 DPC917549 DYY917549 EIU917549 ESQ917549 FCM917549 FMI917549 FWE917549 GGA917549 GPW917549 GZS917549 HJO917549 HTK917549 IDG917549 INC917549 IWY917549 JGU917549 JQQ917549 KAM917549 KKI917549 KUE917549 LEA917549 LNW917549 LXS917549 MHO917549 MRK917549 NBG917549 NLC917549 NUY917549 OEU917549 OOQ917549 OYM917549 PII917549 PSE917549 QCA917549 QLW917549 QVS917549 RFO917549 RPK917549 RZG917549 SJC917549 SSY917549 TCU917549 TMQ917549 TWM917549 UGI917549 UQE917549 VAA917549 VJW917549 VTS917549 WDO917549 WNK917549 WXG917549 AY983085 KU983085 UQ983085 AEM983085 AOI983085 AYE983085 BIA983085 BRW983085 CBS983085 CLO983085 CVK983085 DFG983085 DPC983085 DYY983085 EIU983085 ESQ983085 FCM983085 FMI983085 FWE983085 GGA983085 GPW983085 GZS983085 HJO983085 HTK983085 IDG983085 INC983085 IWY983085 JGU983085 JQQ983085 KAM983085 KKI983085 KUE983085 LEA983085 LNW983085 LXS983085 MHO983085 MRK983085 NBG983085 NLC983085 NUY983085 OEU983085 OOQ983085 OYM983085 PII983085 PSE983085 QCA983085 QLW983085 QVS983085 RFO983085 RPK983085 RZG983085 SJC983085 SSY983085 TCU983085 TMQ983085 TWM983085 UGI983085 UQE983085 VAA983085 VJW983085 VTS983085 WDO983085 WNK983085 WXG983085" xr:uid="{00000000-0002-0000-0100-000026000000}"/>
    <dataValidation imeMode="on" allowBlank="1" showInputMessage="1" showErrorMessage="1" promptTitle="販売エリアの制限" prompt="「◎有」にチェックされた場合は、エリアの範囲とその理由を明確に答えられるようにしておいてください。" sqref="Z21:AB22 JV21:JX22 TR21:TT22 ADN21:ADP22 ANJ21:ANL22 AXF21:AXH22 BHB21:BHD22 BQX21:BQZ22 CAT21:CAV22 CKP21:CKR22 CUL21:CUN22 DEH21:DEJ22 DOD21:DOF22 DXZ21:DYB22 EHV21:EHX22 ERR21:ERT22 FBN21:FBP22 FLJ21:FLL22 FVF21:FVH22 GFB21:GFD22 GOX21:GOZ22 GYT21:GYV22 HIP21:HIR22 HSL21:HSN22 ICH21:ICJ22 IMD21:IMF22 IVZ21:IWB22 JFV21:JFX22 JPR21:JPT22 JZN21:JZP22 KJJ21:KJL22 KTF21:KTH22 LDB21:LDD22 LMX21:LMZ22 LWT21:LWV22 MGP21:MGR22 MQL21:MQN22 NAH21:NAJ22 NKD21:NKF22 NTZ21:NUB22 ODV21:ODX22 ONR21:ONT22 OXN21:OXP22 PHJ21:PHL22 PRF21:PRH22 QBB21:QBD22 QKX21:QKZ22 QUT21:QUV22 REP21:RER22 ROL21:RON22 RYH21:RYJ22 SID21:SIF22 SRZ21:SSB22 TBV21:TBX22 TLR21:TLT22 TVN21:TVP22 UFJ21:UFL22 UPF21:UPH22 UZB21:UZD22 VIX21:VIZ22 VST21:VSV22 WCP21:WCR22 WML21:WMN22 WWH21:WWJ22 Z65557:AB65558 JV65557:JX65558 TR65557:TT65558 ADN65557:ADP65558 ANJ65557:ANL65558 AXF65557:AXH65558 BHB65557:BHD65558 BQX65557:BQZ65558 CAT65557:CAV65558 CKP65557:CKR65558 CUL65557:CUN65558 DEH65557:DEJ65558 DOD65557:DOF65558 DXZ65557:DYB65558 EHV65557:EHX65558 ERR65557:ERT65558 FBN65557:FBP65558 FLJ65557:FLL65558 FVF65557:FVH65558 GFB65557:GFD65558 GOX65557:GOZ65558 GYT65557:GYV65558 HIP65557:HIR65558 HSL65557:HSN65558 ICH65557:ICJ65558 IMD65557:IMF65558 IVZ65557:IWB65558 JFV65557:JFX65558 JPR65557:JPT65558 JZN65557:JZP65558 KJJ65557:KJL65558 KTF65557:KTH65558 LDB65557:LDD65558 LMX65557:LMZ65558 LWT65557:LWV65558 MGP65557:MGR65558 MQL65557:MQN65558 NAH65557:NAJ65558 NKD65557:NKF65558 NTZ65557:NUB65558 ODV65557:ODX65558 ONR65557:ONT65558 OXN65557:OXP65558 PHJ65557:PHL65558 PRF65557:PRH65558 QBB65557:QBD65558 QKX65557:QKZ65558 QUT65557:QUV65558 REP65557:RER65558 ROL65557:RON65558 RYH65557:RYJ65558 SID65557:SIF65558 SRZ65557:SSB65558 TBV65557:TBX65558 TLR65557:TLT65558 TVN65557:TVP65558 UFJ65557:UFL65558 UPF65557:UPH65558 UZB65557:UZD65558 VIX65557:VIZ65558 VST65557:VSV65558 WCP65557:WCR65558 WML65557:WMN65558 WWH65557:WWJ65558 Z131093:AB131094 JV131093:JX131094 TR131093:TT131094 ADN131093:ADP131094 ANJ131093:ANL131094 AXF131093:AXH131094 BHB131093:BHD131094 BQX131093:BQZ131094 CAT131093:CAV131094 CKP131093:CKR131094 CUL131093:CUN131094 DEH131093:DEJ131094 DOD131093:DOF131094 DXZ131093:DYB131094 EHV131093:EHX131094 ERR131093:ERT131094 FBN131093:FBP131094 FLJ131093:FLL131094 FVF131093:FVH131094 GFB131093:GFD131094 GOX131093:GOZ131094 GYT131093:GYV131094 HIP131093:HIR131094 HSL131093:HSN131094 ICH131093:ICJ131094 IMD131093:IMF131094 IVZ131093:IWB131094 JFV131093:JFX131094 JPR131093:JPT131094 JZN131093:JZP131094 KJJ131093:KJL131094 KTF131093:KTH131094 LDB131093:LDD131094 LMX131093:LMZ131094 LWT131093:LWV131094 MGP131093:MGR131094 MQL131093:MQN131094 NAH131093:NAJ131094 NKD131093:NKF131094 NTZ131093:NUB131094 ODV131093:ODX131094 ONR131093:ONT131094 OXN131093:OXP131094 PHJ131093:PHL131094 PRF131093:PRH131094 QBB131093:QBD131094 QKX131093:QKZ131094 QUT131093:QUV131094 REP131093:RER131094 ROL131093:RON131094 RYH131093:RYJ131094 SID131093:SIF131094 SRZ131093:SSB131094 TBV131093:TBX131094 TLR131093:TLT131094 TVN131093:TVP131094 UFJ131093:UFL131094 UPF131093:UPH131094 UZB131093:UZD131094 VIX131093:VIZ131094 VST131093:VSV131094 WCP131093:WCR131094 WML131093:WMN131094 WWH131093:WWJ131094 Z196629:AB196630 JV196629:JX196630 TR196629:TT196630 ADN196629:ADP196630 ANJ196629:ANL196630 AXF196629:AXH196630 BHB196629:BHD196630 BQX196629:BQZ196630 CAT196629:CAV196630 CKP196629:CKR196630 CUL196629:CUN196630 DEH196629:DEJ196630 DOD196629:DOF196630 DXZ196629:DYB196630 EHV196629:EHX196630 ERR196629:ERT196630 FBN196629:FBP196630 FLJ196629:FLL196630 FVF196629:FVH196630 GFB196629:GFD196630 GOX196629:GOZ196630 GYT196629:GYV196630 HIP196629:HIR196630 HSL196629:HSN196630 ICH196629:ICJ196630 IMD196629:IMF196630 IVZ196629:IWB196630 JFV196629:JFX196630 JPR196629:JPT196630 JZN196629:JZP196630 KJJ196629:KJL196630 KTF196629:KTH196630 LDB196629:LDD196630 LMX196629:LMZ196630 LWT196629:LWV196630 MGP196629:MGR196630 MQL196629:MQN196630 NAH196629:NAJ196630 NKD196629:NKF196630 NTZ196629:NUB196630 ODV196629:ODX196630 ONR196629:ONT196630 OXN196629:OXP196630 PHJ196629:PHL196630 PRF196629:PRH196630 QBB196629:QBD196630 QKX196629:QKZ196630 QUT196629:QUV196630 REP196629:RER196630 ROL196629:RON196630 RYH196629:RYJ196630 SID196629:SIF196630 SRZ196629:SSB196630 TBV196629:TBX196630 TLR196629:TLT196630 TVN196629:TVP196630 UFJ196629:UFL196630 UPF196629:UPH196630 UZB196629:UZD196630 VIX196629:VIZ196630 VST196629:VSV196630 WCP196629:WCR196630 WML196629:WMN196630 WWH196629:WWJ196630 Z262165:AB262166 JV262165:JX262166 TR262165:TT262166 ADN262165:ADP262166 ANJ262165:ANL262166 AXF262165:AXH262166 BHB262165:BHD262166 BQX262165:BQZ262166 CAT262165:CAV262166 CKP262165:CKR262166 CUL262165:CUN262166 DEH262165:DEJ262166 DOD262165:DOF262166 DXZ262165:DYB262166 EHV262165:EHX262166 ERR262165:ERT262166 FBN262165:FBP262166 FLJ262165:FLL262166 FVF262165:FVH262166 GFB262165:GFD262166 GOX262165:GOZ262166 GYT262165:GYV262166 HIP262165:HIR262166 HSL262165:HSN262166 ICH262165:ICJ262166 IMD262165:IMF262166 IVZ262165:IWB262166 JFV262165:JFX262166 JPR262165:JPT262166 JZN262165:JZP262166 KJJ262165:KJL262166 KTF262165:KTH262166 LDB262165:LDD262166 LMX262165:LMZ262166 LWT262165:LWV262166 MGP262165:MGR262166 MQL262165:MQN262166 NAH262165:NAJ262166 NKD262165:NKF262166 NTZ262165:NUB262166 ODV262165:ODX262166 ONR262165:ONT262166 OXN262165:OXP262166 PHJ262165:PHL262166 PRF262165:PRH262166 QBB262165:QBD262166 QKX262165:QKZ262166 QUT262165:QUV262166 REP262165:RER262166 ROL262165:RON262166 RYH262165:RYJ262166 SID262165:SIF262166 SRZ262165:SSB262166 TBV262165:TBX262166 TLR262165:TLT262166 TVN262165:TVP262166 UFJ262165:UFL262166 UPF262165:UPH262166 UZB262165:UZD262166 VIX262165:VIZ262166 VST262165:VSV262166 WCP262165:WCR262166 WML262165:WMN262166 WWH262165:WWJ262166 Z327701:AB327702 JV327701:JX327702 TR327701:TT327702 ADN327701:ADP327702 ANJ327701:ANL327702 AXF327701:AXH327702 BHB327701:BHD327702 BQX327701:BQZ327702 CAT327701:CAV327702 CKP327701:CKR327702 CUL327701:CUN327702 DEH327701:DEJ327702 DOD327701:DOF327702 DXZ327701:DYB327702 EHV327701:EHX327702 ERR327701:ERT327702 FBN327701:FBP327702 FLJ327701:FLL327702 FVF327701:FVH327702 GFB327701:GFD327702 GOX327701:GOZ327702 GYT327701:GYV327702 HIP327701:HIR327702 HSL327701:HSN327702 ICH327701:ICJ327702 IMD327701:IMF327702 IVZ327701:IWB327702 JFV327701:JFX327702 JPR327701:JPT327702 JZN327701:JZP327702 KJJ327701:KJL327702 KTF327701:KTH327702 LDB327701:LDD327702 LMX327701:LMZ327702 LWT327701:LWV327702 MGP327701:MGR327702 MQL327701:MQN327702 NAH327701:NAJ327702 NKD327701:NKF327702 NTZ327701:NUB327702 ODV327701:ODX327702 ONR327701:ONT327702 OXN327701:OXP327702 PHJ327701:PHL327702 PRF327701:PRH327702 QBB327701:QBD327702 QKX327701:QKZ327702 QUT327701:QUV327702 REP327701:RER327702 ROL327701:RON327702 RYH327701:RYJ327702 SID327701:SIF327702 SRZ327701:SSB327702 TBV327701:TBX327702 TLR327701:TLT327702 TVN327701:TVP327702 UFJ327701:UFL327702 UPF327701:UPH327702 UZB327701:UZD327702 VIX327701:VIZ327702 VST327701:VSV327702 WCP327701:WCR327702 WML327701:WMN327702 WWH327701:WWJ327702 Z393237:AB393238 JV393237:JX393238 TR393237:TT393238 ADN393237:ADP393238 ANJ393237:ANL393238 AXF393237:AXH393238 BHB393237:BHD393238 BQX393237:BQZ393238 CAT393237:CAV393238 CKP393237:CKR393238 CUL393237:CUN393238 DEH393237:DEJ393238 DOD393237:DOF393238 DXZ393237:DYB393238 EHV393237:EHX393238 ERR393237:ERT393238 FBN393237:FBP393238 FLJ393237:FLL393238 FVF393237:FVH393238 GFB393237:GFD393238 GOX393237:GOZ393238 GYT393237:GYV393238 HIP393237:HIR393238 HSL393237:HSN393238 ICH393237:ICJ393238 IMD393237:IMF393238 IVZ393237:IWB393238 JFV393237:JFX393238 JPR393237:JPT393238 JZN393237:JZP393238 KJJ393237:KJL393238 KTF393237:KTH393238 LDB393237:LDD393238 LMX393237:LMZ393238 LWT393237:LWV393238 MGP393237:MGR393238 MQL393237:MQN393238 NAH393237:NAJ393238 NKD393237:NKF393238 NTZ393237:NUB393238 ODV393237:ODX393238 ONR393237:ONT393238 OXN393237:OXP393238 PHJ393237:PHL393238 PRF393237:PRH393238 QBB393237:QBD393238 QKX393237:QKZ393238 QUT393237:QUV393238 REP393237:RER393238 ROL393237:RON393238 RYH393237:RYJ393238 SID393237:SIF393238 SRZ393237:SSB393238 TBV393237:TBX393238 TLR393237:TLT393238 TVN393237:TVP393238 UFJ393237:UFL393238 UPF393237:UPH393238 UZB393237:UZD393238 VIX393237:VIZ393238 VST393237:VSV393238 WCP393237:WCR393238 WML393237:WMN393238 WWH393237:WWJ393238 Z458773:AB458774 JV458773:JX458774 TR458773:TT458774 ADN458773:ADP458774 ANJ458773:ANL458774 AXF458773:AXH458774 BHB458773:BHD458774 BQX458773:BQZ458774 CAT458773:CAV458774 CKP458773:CKR458774 CUL458773:CUN458774 DEH458773:DEJ458774 DOD458773:DOF458774 DXZ458773:DYB458774 EHV458773:EHX458774 ERR458773:ERT458774 FBN458773:FBP458774 FLJ458773:FLL458774 FVF458773:FVH458774 GFB458773:GFD458774 GOX458773:GOZ458774 GYT458773:GYV458774 HIP458773:HIR458774 HSL458773:HSN458774 ICH458773:ICJ458774 IMD458773:IMF458774 IVZ458773:IWB458774 JFV458773:JFX458774 JPR458773:JPT458774 JZN458773:JZP458774 KJJ458773:KJL458774 KTF458773:KTH458774 LDB458773:LDD458774 LMX458773:LMZ458774 LWT458773:LWV458774 MGP458773:MGR458774 MQL458773:MQN458774 NAH458773:NAJ458774 NKD458773:NKF458774 NTZ458773:NUB458774 ODV458773:ODX458774 ONR458773:ONT458774 OXN458773:OXP458774 PHJ458773:PHL458774 PRF458773:PRH458774 QBB458773:QBD458774 QKX458773:QKZ458774 QUT458773:QUV458774 REP458773:RER458774 ROL458773:RON458774 RYH458773:RYJ458774 SID458773:SIF458774 SRZ458773:SSB458774 TBV458773:TBX458774 TLR458773:TLT458774 TVN458773:TVP458774 UFJ458773:UFL458774 UPF458773:UPH458774 UZB458773:UZD458774 VIX458773:VIZ458774 VST458773:VSV458774 WCP458773:WCR458774 WML458773:WMN458774 WWH458773:WWJ458774 Z524309:AB524310 JV524309:JX524310 TR524309:TT524310 ADN524309:ADP524310 ANJ524309:ANL524310 AXF524309:AXH524310 BHB524309:BHD524310 BQX524309:BQZ524310 CAT524309:CAV524310 CKP524309:CKR524310 CUL524309:CUN524310 DEH524309:DEJ524310 DOD524309:DOF524310 DXZ524309:DYB524310 EHV524309:EHX524310 ERR524309:ERT524310 FBN524309:FBP524310 FLJ524309:FLL524310 FVF524309:FVH524310 GFB524309:GFD524310 GOX524309:GOZ524310 GYT524309:GYV524310 HIP524309:HIR524310 HSL524309:HSN524310 ICH524309:ICJ524310 IMD524309:IMF524310 IVZ524309:IWB524310 JFV524309:JFX524310 JPR524309:JPT524310 JZN524309:JZP524310 KJJ524309:KJL524310 KTF524309:KTH524310 LDB524309:LDD524310 LMX524309:LMZ524310 LWT524309:LWV524310 MGP524309:MGR524310 MQL524309:MQN524310 NAH524309:NAJ524310 NKD524309:NKF524310 NTZ524309:NUB524310 ODV524309:ODX524310 ONR524309:ONT524310 OXN524309:OXP524310 PHJ524309:PHL524310 PRF524309:PRH524310 QBB524309:QBD524310 QKX524309:QKZ524310 QUT524309:QUV524310 REP524309:RER524310 ROL524309:RON524310 RYH524309:RYJ524310 SID524309:SIF524310 SRZ524309:SSB524310 TBV524309:TBX524310 TLR524309:TLT524310 TVN524309:TVP524310 UFJ524309:UFL524310 UPF524309:UPH524310 UZB524309:UZD524310 VIX524309:VIZ524310 VST524309:VSV524310 WCP524309:WCR524310 WML524309:WMN524310 WWH524309:WWJ524310 Z589845:AB589846 JV589845:JX589846 TR589845:TT589846 ADN589845:ADP589846 ANJ589845:ANL589846 AXF589845:AXH589846 BHB589845:BHD589846 BQX589845:BQZ589846 CAT589845:CAV589846 CKP589845:CKR589846 CUL589845:CUN589846 DEH589845:DEJ589846 DOD589845:DOF589846 DXZ589845:DYB589846 EHV589845:EHX589846 ERR589845:ERT589846 FBN589845:FBP589846 FLJ589845:FLL589846 FVF589845:FVH589846 GFB589845:GFD589846 GOX589845:GOZ589846 GYT589845:GYV589846 HIP589845:HIR589846 HSL589845:HSN589846 ICH589845:ICJ589846 IMD589845:IMF589846 IVZ589845:IWB589846 JFV589845:JFX589846 JPR589845:JPT589846 JZN589845:JZP589846 KJJ589845:KJL589846 KTF589845:KTH589846 LDB589845:LDD589846 LMX589845:LMZ589846 LWT589845:LWV589846 MGP589845:MGR589846 MQL589845:MQN589846 NAH589845:NAJ589846 NKD589845:NKF589846 NTZ589845:NUB589846 ODV589845:ODX589846 ONR589845:ONT589846 OXN589845:OXP589846 PHJ589845:PHL589846 PRF589845:PRH589846 QBB589845:QBD589846 QKX589845:QKZ589846 QUT589845:QUV589846 REP589845:RER589846 ROL589845:RON589846 RYH589845:RYJ589846 SID589845:SIF589846 SRZ589845:SSB589846 TBV589845:TBX589846 TLR589845:TLT589846 TVN589845:TVP589846 UFJ589845:UFL589846 UPF589845:UPH589846 UZB589845:UZD589846 VIX589845:VIZ589846 VST589845:VSV589846 WCP589845:WCR589846 WML589845:WMN589846 WWH589845:WWJ589846 Z655381:AB655382 JV655381:JX655382 TR655381:TT655382 ADN655381:ADP655382 ANJ655381:ANL655382 AXF655381:AXH655382 BHB655381:BHD655382 BQX655381:BQZ655382 CAT655381:CAV655382 CKP655381:CKR655382 CUL655381:CUN655382 DEH655381:DEJ655382 DOD655381:DOF655382 DXZ655381:DYB655382 EHV655381:EHX655382 ERR655381:ERT655382 FBN655381:FBP655382 FLJ655381:FLL655382 FVF655381:FVH655382 GFB655381:GFD655382 GOX655381:GOZ655382 GYT655381:GYV655382 HIP655381:HIR655382 HSL655381:HSN655382 ICH655381:ICJ655382 IMD655381:IMF655382 IVZ655381:IWB655382 JFV655381:JFX655382 JPR655381:JPT655382 JZN655381:JZP655382 KJJ655381:KJL655382 KTF655381:KTH655382 LDB655381:LDD655382 LMX655381:LMZ655382 LWT655381:LWV655382 MGP655381:MGR655382 MQL655381:MQN655382 NAH655381:NAJ655382 NKD655381:NKF655382 NTZ655381:NUB655382 ODV655381:ODX655382 ONR655381:ONT655382 OXN655381:OXP655382 PHJ655381:PHL655382 PRF655381:PRH655382 QBB655381:QBD655382 QKX655381:QKZ655382 QUT655381:QUV655382 REP655381:RER655382 ROL655381:RON655382 RYH655381:RYJ655382 SID655381:SIF655382 SRZ655381:SSB655382 TBV655381:TBX655382 TLR655381:TLT655382 TVN655381:TVP655382 UFJ655381:UFL655382 UPF655381:UPH655382 UZB655381:UZD655382 VIX655381:VIZ655382 VST655381:VSV655382 WCP655381:WCR655382 WML655381:WMN655382 WWH655381:WWJ655382 Z720917:AB720918 JV720917:JX720918 TR720917:TT720918 ADN720917:ADP720918 ANJ720917:ANL720918 AXF720917:AXH720918 BHB720917:BHD720918 BQX720917:BQZ720918 CAT720917:CAV720918 CKP720917:CKR720918 CUL720917:CUN720918 DEH720917:DEJ720918 DOD720917:DOF720918 DXZ720917:DYB720918 EHV720917:EHX720918 ERR720917:ERT720918 FBN720917:FBP720918 FLJ720917:FLL720918 FVF720917:FVH720918 GFB720917:GFD720918 GOX720917:GOZ720918 GYT720917:GYV720918 HIP720917:HIR720918 HSL720917:HSN720918 ICH720917:ICJ720918 IMD720917:IMF720918 IVZ720917:IWB720918 JFV720917:JFX720918 JPR720917:JPT720918 JZN720917:JZP720918 KJJ720917:KJL720918 KTF720917:KTH720918 LDB720917:LDD720918 LMX720917:LMZ720918 LWT720917:LWV720918 MGP720917:MGR720918 MQL720917:MQN720918 NAH720917:NAJ720918 NKD720917:NKF720918 NTZ720917:NUB720918 ODV720917:ODX720918 ONR720917:ONT720918 OXN720917:OXP720918 PHJ720917:PHL720918 PRF720917:PRH720918 QBB720917:QBD720918 QKX720917:QKZ720918 QUT720917:QUV720918 REP720917:RER720918 ROL720917:RON720918 RYH720917:RYJ720918 SID720917:SIF720918 SRZ720917:SSB720918 TBV720917:TBX720918 TLR720917:TLT720918 TVN720917:TVP720918 UFJ720917:UFL720918 UPF720917:UPH720918 UZB720917:UZD720918 VIX720917:VIZ720918 VST720917:VSV720918 WCP720917:WCR720918 WML720917:WMN720918 WWH720917:WWJ720918 Z786453:AB786454 JV786453:JX786454 TR786453:TT786454 ADN786453:ADP786454 ANJ786453:ANL786454 AXF786453:AXH786454 BHB786453:BHD786454 BQX786453:BQZ786454 CAT786453:CAV786454 CKP786453:CKR786454 CUL786453:CUN786454 DEH786453:DEJ786454 DOD786453:DOF786454 DXZ786453:DYB786454 EHV786453:EHX786454 ERR786453:ERT786454 FBN786453:FBP786454 FLJ786453:FLL786454 FVF786453:FVH786454 GFB786453:GFD786454 GOX786453:GOZ786454 GYT786453:GYV786454 HIP786453:HIR786454 HSL786453:HSN786454 ICH786453:ICJ786454 IMD786453:IMF786454 IVZ786453:IWB786454 JFV786453:JFX786454 JPR786453:JPT786454 JZN786453:JZP786454 KJJ786453:KJL786454 KTF786453:KTH786454 LDB786453:LDD786454 LMX786453:LMZ786454 LWT786453:LWV786454 MGP786453:MGR786454 MQL786453:MQN786454 NAH786453:NAJ786454 NKD786453:NKF786454 NTZ786453:NUB786454 ODV786453:ODX786454 ONR786453:ONT786454 OXN786453:OXP786454 PHJ786453:PHL786454 PRF786453:PRH786454 QBB786453:QBD786454 QKX786453:QKZ786454 QUT786453:QUV786454 REP786453:RER786454 ROL786453:RON786454 RYH786453:RYJ786454 SID786453:SIF786454 SRZ786453:SSB786454 TBV786453:TBX786454 TLR786453:TLT786454 TVN786453:TVP786454 UFJ786453:UFL786454 UPF786453:UPH786454 UZB786453:UZD786454 VIX786453:VIZ786454 VST786453:VSV786454 WCP786453:WCR786454 WML786453:WMN786454 WWH786453:WWJ786454 Z851989:AB851990 JV851989:JX851990 TR851989:TT851990 ADN851989:ADP851990 ANJ851989:ANL851990 AXF851989:AXH851990 BHB851989:BHD851990 BQX851989:BQZ851990 CAT851989:CAV851990 CKP851989:CKR851990 CUL851989:CUN851990 DEH851989:DEJ851990 DOD851989:DOF851990 DXZ851989:DYB851990 EHV851989:EHX851990 ERR851989:ERT851990 FBN851989:FBP851990 FLJ851989:FLL851990 FVF851989:FVH851990 GFB851989:GFD851990 GOX851989:GOZ851990 GYT851989:GYV851990 HIP851989:HIR851990 HSL851989:HSN851990 ICH851989:ICJ851990 IMD851989:IMF851990 IVZ851989:IWB851990 JFV851989:JFX851990 JPR851989:JPT851990 JZN851989:JZP851990 KJJ851989:KJL851990 KTF851989:KTH851990 LDB851989:LDD851990 LMX851989:LMZ851990 LWT851989:LWV851990 MGP851989:MGR851990 MQL851989:MQN851990 NAH851989:NAJ851990 NKD851989:NKF851990 NTZ851989:NUB851990 ODV851989:ODX851990 ONR851989:ONT851990 OXN851989:OXP851990 PHJ851989:PHL851990 PRF851989:PRH851990 QBB851989:QBD851990 QKX851989:QKZ851990 QUT851989:QUV851990 REP851989:RER851990 ROL851989:RON851990 RYH851989:RYJ851990 SID851989:SIF851990 SRZ851989:SSB851990 TBV851989:TBX851990 TLR851989:TLT851990 TVN851989:TVP851990 UFJ851989:UFL851990 UPF851989:UPH851990 UZB851989:UZD851990 VIX851989:VIZ851990 VST851989:VSV851990 WCP851989:WCR851990 WML851989:WMN851990 WWH851989:WWJ851990 Z917525:AB917526 JV917525:JX917526 TR917525:TT917526 ADN917525:ADP917526 ANJ917525:ANL917526 AXF917525:AXH917526 BHB917525:BHD917526 BQX917525:BQZ917526 CAT917525:CAV917526 CKP917525:CKR917526 CUL917525:CUN917526 DEH917525:DEJ917526 DOD917525:DOF917526 DXZ917525:DYB917526 EHV917525:EHX917526 ERR917525:ERT917526 FBN917525:FBP917526 FLJ917525:FLL917526 FVF917525:FVH917526 GFB917525:GFD917526 GOX917525:GOZ917526 GYT917525:GYV917526 HIP917525:HIR917526 HSL917525:HSN917526 ICH917525:ICJ917526 IMD917525:IMF917526 IVZ917525:IWB917526 JFV917525:JFX917526 JPR917525:JPT917526 JZN917525:JZP917526 KJJ917525:KJL917526 KTF917525:KTH917526 LDB917525:LDD917526 LMX917525:LMZ917526 LWT917525:LWV917526 MGP917525:MGR917526 MQL917525:MQN917526 NAH917525:NAJ917526 NKD917525:NKF917526 NTZ917525:NUB917526 ODV917525:ODX917526 ONR917525:ONT917526 OXN917525:OXP917526 PHJ917525:PHL917526 PRF917525:PRH917526 QBB917525:QBD917526 QKX917525:QKZ917526 QUT917525:QUV917526 REP917525:RER917526 ROL917525:RON917526 RYH917525:RYJ917526 SID917525:SIF917526 SRZ917525:SSB917526 TBV917525:TBX917526 TLR917525:TLT917526 TVN917525:TVP917526 UFJ917525:UFL917526 UPF917525:UPH917526 UZB917525:UZD917526 VIX917525:VIZ917526 VST917525:VSV917526 WCP917525:WCR917526 WML917525:WMN917526 WWH917525:WWJ917526 Z983061:AB983062 JV983061:JX983062 TR983061:TT983062 ADN983061:ADP983062 ANJ983061:ANL983062 AXF983061:AXH983062 BHB983061:BHD983062 BQX983061:BQZ983062 CAT983061:CAV983062 CKP983061:CKR983062 CUL983061:CUN983062 DEH983061:DEJ983062 DOD983061:DOF983062 DXZ983061:DYB983062 EHV983061:EHX983062 ERR983061:ERT983062 FBN983061:FBP983062 FLJ983061:FLL983062 FVF983061:FVH983062 GFB983061:GFD983062 GOX983061:GOZ983062 GYT983061:GYV983062 HIP983061:HIR983062 HSL983061:HSN983062 ICH983061:ICJ983062 IMD983061:IMF983062 IVZ983061:IWB983062 JFV983061:JFX983062 JPR983061:JPT983062 JZN983061:JZP983062 KJJ983061:KJL983062 KTF983061:KTH983062 LDB983061:LDD983062 LMX983061:LMZ983062 LWT983061:LWV983062 MGP983061:MGR983062 MQL983061:MQN983062 NAH983061:NAJ983062 NKD983061:NKF983062 NTZ983061:NUB983062 ODV983061:ODX983062 ONR983061:ONT983062 OXN983061:OXP983062 PHJ983061:PHL983062 PRF983061:PRH983062 QBB983061:QBD983062 QKX983061:QKZ983062 QUT983061:QUV983062 REP983061:RER983062 ROL983061:RON983062 RYH983061:RYJ983062 SID983061:SIF983062 SRZ983061:SSB983062 TBV983061:TBX983062 TLR983061:TLT983062 TVN983061:TVP983062 UFJ983061:UFL983062 UPF983061:UPH983062 UZB983061:UZD983062 VIX983061:VIZ983062 VST983061:VSV983062 WCP983061:WCR983062 WML983061:WMN983062 WWH983061:WWJ983062" xr:uid="{00000000-0002-0000-0100-000027000000}"/>
    <dataValidation type="textLength" operator="lessThan" allowBlank="1" showInputMessage="1" showErrorMessage="1" errorTitle="入力文字数に制限があります！" error="１００字（数字・句読点を含む）以内で記入してください！" promptTitle="ターゲット　お客様" prompt="《お客様》まず誰（どの年代、男女など）に食してもらいたいかを明確にすることです。「全ての年代」「老若男女」などはやめましょう_x000a__x000a_入力時の注意事項→１００字（数字・訓読点を含む）以内で記入してください！" sqref="M34:AC37 JI34:JY37 TE34:TU37 ADA34:ADQ37 AMW34:ANM37 AWS34:AXI37 BGO34:BHE37 BQK34:BRA37 CAG34:CAW37 CKC34:CKS37 CTY34:CUO37 DDU34:DEK37 DNQ34:DOG37 DXM34:DYC37 EHI34:EHY37 ERE34:ERU37 FBA34:FBQ37 FKW34:FLM37 FUS34:FVI37 GEO34:GFE37 GOK34:GPA37 GYG34:GYW37 HIC34:HIS37 HRY34:HSO37 IBU34:ICK37 ILQ34:IMG37 IVM34:IWC37 JFI34:JFY37 JPE34:JPU37 JZA34:JZQ37 KIW34:KJM37 KSS34:KTI37 LCO34:LDE37 LMK34:LNA37 LWG34:LWW37 MGC34:MGS37 MPY34:MQO37 MZU34:NAK37 NJQ34:NKG37 NTM34:NUC37 ODI34:ODY37 ONE34:ONU37 OXA34:OXQ37 PGW34:PHM37 PQS34:PRI37 QAO34:QBE37 QKK34:QLA37 QUG34:QUW37 REC34:RES37 RNY34:ROO37 RXU34:RYK37 SHQ34:SIG37 SRM34:SSC37 TBI34:TBY37 TLE34:TLU37 TVA34:TVQ37 UEW34:UFM37 UOS34:UPI37 UYO34:UZE37 VIK34:VJA37 VSG34:VSW37 WCC34:WCS37 WLY34:WMO37 WVU34:WWK37 M65570:AC65573 JI65570:JY65573 TE65570:TU65573 ADA65570:ADQ65573 AMW65570:ANM65573 AWS65570:AXI65573 BGO65570:BHE65573 BQK65570:BRA65573 CAG65570:CAW65573 CKC65570:CKS65573 CTY65570:CUO65573 DDU65570:DEK65573 DNQ65570:DOG65573 DXM65570:DYC65573 EHI65570:EHY65573 ERE65570:ERU65573 FBA65570:FBQ65573 FKW65570:FLM65573 FUS65570:FVI65573 GEO65570:GFE65573 GOK65570:GPA65573 GYG65570:GYW65573 HIC65570:HIS65573 HRY65570:HSO65573 IBU65570:ICK65573 ILQ65570:IMG65573 IVM65570:IWC65573 JFI65570:JFY65573 JPE65570:JPU65573 JZA65570:JZQ65573 KIW65570:KJM65573 KSS65570:KTI65573 LCO65570:LDE65573 LMK65570:LNA65573 LWG65570:LWW65573 MGC65570:MGS65573 MPY65570:MQO65573 MZU65570:NAK65573 NJQ65570:NKG65573 NTM65570:NUC65573 ODI65570:ODY65573 ONE65570:ONU65573 OXA65570:OXQ65573 PGW65570:PHM65573 PQS65570:PRI65573 QAO65570:QBE65573 QKK65570:QLA65573 QUG65570:QUW65573 REC65570:RES65573 RNY65570:ROO65573 RXU65570:RYK65573 SHQ65570:SIG65573 SRM65570:SSC65573 TBI65570:TBY65573 TLE65570:TLU65573 TVA65570:TVQ65573 UEW65570:UFM65573 UOS65570:UPI65573 UYO65570:UZE65573 VIK65570:VJA65573 VSG65570:VSW65573 WCC65570:WCS65573 WLY65570:WMO65573 WVU65570:WWK65573 M131106:AC131109 JI131106:JY131109 TE131106:TU131109 ADA131106:ADQ131109 AMW131106:ANM131109 AWS131106:AXI131109 BGO131106:BHE131109 BQK131106:BRA131109 CAG131106:CAW131109 CKC131106:CKS131109 CTY131106:CUO131109 DDU131106:DEK131109 DNQ131106:DOG131109 DXM131106:DYC131109 EHI131106:EHY131109 ERE131106:ERU131109 FBA131106:FBQ131109 FKW131106:FLM131109 FUS131106:FVI131109 GEO131106:GFE131109 GOK131106:GPA131109 GYG131106:GYW131109 HIC131106:HIS131109 HRY131106:HSO131109 IBU131106:ICK131109 ILQ131106:IMG131109 IVM131106:IWC131109 JFI131106:JFY131109 JPE131106:JPU131109 JZA131106:JZQ131109 KIW131106:KJM131109 KSS131106:KTI131109 LCO131106:LDE131109 LMK131106:LNA131109 LWG131106:LWW131109 MGC131106:MGS131109 MPY131106:MQO131109 MZU131106:NAK131109 NJQ131106:NKG131109 NTM131106:NUC131109 ODI131106:ODY131109 ONE131106:ONU131109 OXA131106:OXQ131109 PGW131106:PHM131109 PQS131106:PRI131109 QAO131106:QBE131109 QKK131106:QLA131109 QUG131106:QUW131109 REC131106:RES131109 RNY131106:ROO131109 RXU131106:RYK131109 SHQ131106:SIG131109 SRM131106:SSC131109 TBI131106:TBY131109 TLE131106:TLU131109 TVA131106:TVQ131109 UEW131106:UFM131109 UOS131106:UPI131109 UYO131106:UZE131109 VIK131106:VJA131109 VSG131106:VSW131109 WCC131106:WCS131109 WLY131106:WMO131109 WVU131106:WWK131109 M196642:AC196645 JI196642:JY196645 TE196642:TU196645 ADA196642:ADQ196645 AMW196642:ANM196645 AWS196642:AXI196645 BGO196642:BHE196645 BQK196642:BRA196645 CAG196642:CAW196645 CKC196642:CKS196645 CTY196642:CUO196645 DDU196642:DEK196645 DNQ196642:DOG196645 DXM196642:DYC196645 EHI196642:EHY196645 ERE196642:ERU196645 FBA196642:FBQ196645 FKW196642:FLM196645 FUS196642:FVI196645 GEO196642:GFE196645 GOK196642:GPA196645 GYG196642:GYW196645 HIC196642:HIS196645 HRY196642:HSO196645 IBU196642:ICK196645 ILQ196642:IMG196645 IVM196642:IWC196645 JFI196642:JFY196645 JPE196642:JPU196645 JZA196642:JZQ196645 KIW196642:KJM196645 KSS196642:KTI196645 LCO196642:LDE196645 LMK196642:LNA196645 LWG196642:LWW196645 MGC196642:MGS196645 MPY196642:MQO196645 MZU196642:NAK196645 NJQ196642:NKG196645 NTM196642:NUC196645 ODI196642:ODY196645 ONE196642:ONU196645 OXA196642:OXQ196645 PGW196642:PHM196645 PQS196642:PRI196645 QAO196642:QBE196645 QKK196642:QLA196645 QUG196642:QUW196645 REC196642:RES196645 RNY196642:ROO196645 RXU196642:RYK196645 SHQ196642:SIG196645 SRM196642:SSC196645 TBI196642:TBY196645 TLE196642:TLU196645 TVA196642:TVQ196645 UEW196642:UFM196645 UOS196642:UPI196645 UYO196642:UZE196645 VIK196642:VJA196645 VSG196642:VSW196645 WCC196642:WCS196645 WLY196642:WMO196645 WVU196642:WWK196645 M262178:AC262181 JI262178:JY262181 TE262178:TU262181 ADA262178:ADQ262181 AMW262178:ANM262181 AWS262178:AXI262181 BGO262178:BHE262181 BQK262178:BRA262181 CAG262178:CAW262181 CKC262178:CKS262181 CTY262178:CUO262181 DDU262178:DEK262181 DNQ262178:DOG262181 DXM262178:DYC262181 EHI262178:EHY262181 ERE262178:ERU262181 FBA262178:FBQ262181 FKW262178:FLM262181 FUS262178:FVI262181 GEO262178:GFE262181 GOK262178:GPA262181 GYG262178:GYW262181 HIC262178:HIS262181 HRY262178:HSO262181 IBU262178:ICK262181 ILQ262178:IMG262181 IVM262178:IWC262181 JFI262178:JFY262181 JPE262178:JPU262181 JZA262178:JZQ262181 KIW262178:KJM262181 KSS262178:KTI262181 LCO262178:LDE262181 LMK262178:LNA262181 LWG262178:LWW262181 MGC262178:MGS262181 MPY262178:MQO262181 MZU262178:NAK262181 NJQ262178:NKG262181 NTM262178:NUC262181 ODI262178:ODY262181 ONE262178:ONU262181 OXA262178:OXQ262181 PGW262178:PHM262181 PQS262178:PRI262181 QAO262178:QBE262181 QKK262178:QLA262181 QUG262178:QUW262181 REC262178:RES262181 RNY262178:ROO262181 RXU262178:RYK262181 SHQ262178:SIG262181 SRM262178:SSC262181 TBI262178:TBY262181 TLE262178:TLU262181 TVA262178:TVQ262181 UEW262178:UFM262181 UOS262178:UPI262181 UYO262178:UZE262181 VIK262178:VJA262181 VSG262178:VSW262181 WCC262178:WCS262181 WLY262178:WMO262181 WVU262178:WWK262181 M327714:AC327717 JI327714:JY327717 TE327714:TU327717 ADA327714:ADQ327717 AMW327714:ANM327717 AWS327714:AXI327717 BGO327714:BHE327717 BQK327714:BRA327717 CAG327714:CAW327717 CKC327714:CKS327717 CTY327714:CUO327717 DDU327714:DEK327717 DNQ327714:DOG327717 DXM327714:DYC327717 EHI327714:EHY327717 ERE327714:ERU327717 FBA327714:FBQ327717 FKW327714:FLM327717 FUS327714:FVI327717 GEO327714:GFE327717 GOK327714:GPA327717 GYG327714:GYW327717 HIC327714:HIS327717 HRY327714:HSO327717 IBU327714:ICK327717 ILQ327714:IMG327717 IVM327714:IWC327717 JFI327714:JFY327717 JPE327714:JPU327717 JZA327714:JZQ327717 KIW327714:KJM327717 KSS327714:KTI327717 LCO327714:LDE327717 LMK327714:LNA327717 LWG327714:LWW327717 MGC327714:MGS327717 MPY327714:MQO327717 MZU327714:NAK327717 NJQ327714:NKG327717 NTM327714:NUC327717 ODI327714:ODY327717 ONE327714:ONU327717 OXA327714:OXQ327717 PGW327714:PHM327717 PQS327714:PRI327717 QAO327714:QBE327717 QKK327714:QLA327717 QUG327714:QUW327717 REC327714:RES327717 RNY327714:ROO327717 RXU327714:RYK327717 SHQ327714:SIG327717 SRM327714:SSC327717 TBI327714:TBY327717 TLE327714:TLU327717 TVA327714:TVQ327717 UEW327714:UFM327717 UOS327714:UPI327717 UYO327714:UZE327717 VIK327714:VJA327717 VSG327714:VSW327717 WCC327714:WCS327717 WLY327714:WMO327717 WVU327714:WWK327717 M393250:AC393253 JI393250:JY393253 TE393250:TU393253 ADA393250:ADQ393253 AMW393250:ANM393253 AWS393250:AXI393253 BGO393250:BHE393253 BQK393250:BRA393253 CAG393250:CAW393253 CKC393250:CKS393253 CTY393250:CUO393253 DDU393250:DEK393253 DNQ393250:DOG393253 DXM393250:DYC393253 EHI393250:EHY393253 ERE393250:ERU393253 FBA393250:FBQ393253 FKW393250:FLM393253 FUS393250:FVI393253 GEO393250:GFE393253 GOK393250:GPA393253 GYG393250:GYW393253 HIC393250:HIS393253 HRY393250:HSO393253 IBU393250:ICK393253 ILQ393250:IMG393253 IVM393250:IWC393253 JFI393250:JFY393253 JPE393250:JPU393253 JZA393250:JZQ393253 KIW393250:KJM393253 KSS393250:KTI393253 LCO393250:LDE393253 LMK393250:LNA393253 LWG393250:LWW393253 MGC393250:MGS393253 MPY393250:MQO393253 MZU393250:NAK393253 NJQ393250:NKG393253 NTM393250:NUC393253 ODI393250:ODY393253 ONE393250:ONU393253 OXA393250:OXQ393253 PGW393250:PHM393253 PQS393250:PRI393253 QAO393250:QBE393253 QKK393250:QLA393253 QUG393250:QUW393253 REC393250:RES393253 RNY393250:ROO393253 RXU393250:RYK393253 SHQ393250:SIG393253 SRM393250:SSC393253 TBI393250:TBY393253 TLE393250:TLU393253 TVA393250:TVQ393253 UEW393250:UFM393253 UOS393250:UPI393253 UYO393250:UZE393253 VIK393250:VJA393253 VSG393250:VSW393253 WCC393250:WCS393253 WLY393250:WMO393253 WVU393250:WWK393253 M458786:AC458789 JI458786:JY458789 TE458786:TU458789 ADA458786:ADQ458789 AMW458786:ANM458789 AWS458786:AXI458789 BGO458786:BHE458789 BQK458786:BRA458789 CAG458786:CAW458789 CKC458786:CKS458789 CTY458786:CUO458789 DDU458786:DEK458789 DNQ458786:DOG458789 DXM458786:DYC458789 EHI458786:EHY458789 ERE458786:ERU458789 FBA458786:FBQ458789 FKW458786:FLM458789 FUS458786:FVI458789 GEO458786:GFE458789 GOK458786:GPA458789 GYG458786:GYW458789 HIC458786:HIS458789 HRY458786:HSO458789 IBU458786:ICK458789 ILQ458786:IMG458789 IVM458786:IWC458789 JFI458786:JFY458789 JPE458786:JPU458789 JZA458786:JZQ458789 KIW458786:KJM458789 KSS458786:KTI458789 LCO458786:LDE458789 LMK458786:LNA458789 LWG458786:LWW458789 MGC458786:MGS458789 MPY458786:MQO458789 MZU458786:NAK458789 NJQ458786:NKG458789 NTM458786:NUC458789 ODI458786:ODY458789 ONE458786:ONU458789 OXA458786:OXQ458789 PGW458786:PHM458789 PQS458786:PRI458789 QAO458786:QBE458789 QKK458786:QLA458789 QUG458786:QUW458789 REC458786:RES458789 RNY458786:ROO458789 RXU458786:RYK458789 SHQ458786:SIG458789 SRM458786:SSC458789 TBI458786:TBY458789 TLE458786:TLU458789 TVA458786:TVQ458789 UEW458786:UFM458789 UOS458786:UPI458789 UYO458786:UZE458789 VIK458786:VJA458789 VSG458786:VSW458789 WCC458786:WCS458789 WLY458786:WMO458789 WVU458786:WWK458789 M524322:AC524325 JI524322:JY524325 TE524322:TU524325 ADA524322:ADQ524325 AMW524322:ANM524325 AWS524322:AXI524325 BGO524322:BHE524325 BQK524322:BRA524325 CAG524322:CAW524325 CKC524322:CKS524325 CTY524322:CUO524325 DDU524322:DEK524325 DNQ524322:DOG524325 DXM524322:DYC524325 EHI524322:EHY524325 ERE524322:ERU524325 FBA524322:FBQ524325 FKW524322:FLM524325 FUS524322:FVI524325 GEO524322:GFE524325 GOK524322:GPA524325 GYG524322:GYW524325 HIC524322:HIS524325 HRY524322:HSO524325 IBU524322:ICK524325 ILQ524322:IMG524325 IVM524322:IWC524325 JFI524322:JFY524325 JPE524322:JPU524325 JZA524322:JZQ524325 KIW524322:KJM524325 KSS524322:KTI524325 LCO524322:LDE524325 LMK524322:LNA524325 LWG524322:LWW524325 MGC524322:MGS524325 MPY524322:MQO524325 MZU524322:NAK524325 NJQ524322:NKG524325 NTM524322:NUC524325 ODI524322:ODY524325 ONE524322:ONU524325 OXA524322:OXQ524325 PGW524322:PHM524325 PQS524322:PRI524325 QAO524322:QBE524325 QKK524322:QLA524325 QUG524322:QUW524325 REC524322:RES524325 RNY524322:ROO524325 RXU524322:RYK524325 SHQ524322:SIG524325 SRM524322:SSC524325 TBI524322:TBY524325 TLE524322:TLU524325 TVA524322:TVQ524325 UEW524322:UFM524325 UOS524322:UPI524325 UYO524322:UZE524325 VIK524322:VJA524325 VSG524322:VSW524325 WCC524322:WCS524325 WLY524322:WMO524325 WVU524322:WWK524325 M589858:AC589861 JI589858:JY589861 TE589858:TU589861 ADA589858:ADQ589861 AMW589858:ANM589861 AWS589858:AXI589861 BGO589858:BHE589861 BQK589858:BRA589861 CAG589858:CAW589861 CKC589858:CKS589861 CTY589858:CUO589861 DDU589858:DEK589861 DNQ589858:DOG589861 DXM589858:DYC589861 EHI589858:EHY589861 ERE589858:ERU589861 FBA589858:FBQ589861 FKW589858:FLM589861 FUS589858:FVI589861 GEO589858:GFE589861 GOK589858:GPA589861 GYG589858:GYW589861 HIC589858:HIS589861 HRY589858:HSO589861 IBU589858:ICK589861 ILQ589858:IMG589861 IVM589858:IWC589861 JFI589858:JFY589861 JPE589858:JPU589861 JZA589858:JZQ589861 KIW589858:KJM589861 KSS589858:KTI589861 LCO589858:LDE589861 LMK589858:LNA589861 LWG589858:LWW589861 MGC589858:MGS589861 MPY589858:MQO589861 MZU589858:NAK589861 NJQ589858:NKG589861 NTM589858:NUC589861 ODI589858:ODY589861 ONE589858:ONU589861 OXA589858:OXQ589861 PGW589858:PHM589861 PQS589858:PRI589861 QAO589858:QBE589861 QKK589858:QLA589861 QUG589858:QUW589861 REC589858:RES589861 RNY589858:ROO589861 RXU589858:RYK589861 SHQ589858:SIG589861 SRM589858:SSC589861 TBI589858:TBY589861 TLE589858:TLU589861 TVA589858:TVQ589861 UEW589858:UFM589861 UOS589858:UPI589861 UYO589858:UZE589861 VIK589858:VJA589861 VSG589858:VSW589861 WCC589858:WCS589861 WLY589858:WMO589861 WVU589858:WWK589861 M655394:AC655397 JI655394:JY655397 TE655394:TU655397 ADA655394:ADQ655397 AMW655394:ANM655397 AWS655394:AXI655397 BGO655394:BHE655397 BQK655394:BRA655397 CAG655394:CAW655397 CKC655394:CKS655397 CTY655394:CUO655397 DDU655394:DEK655397 DNQ655394:DOG655397 DXM655394:DYC655397 EHI655394:EHY655397 ERE655394:ERU655397 FBA655394:FBQ655397 FKW655394:FLM655397 FUS655394:FVI655397 GEO655394:GFE655397 GOK655394:GPA655397 GYG655394:GYW655397 HIC655394:HIS655397 HRY655394:HSO655397 IBU655394:ICK655397 ILQ655394:IMG655397 IVM655394:IWC655397 JFI655394:JFY655397 JPE655394:JPU655397 JZA655394:JZQ655397 KIW655394:KJM655397 KSS655394:KTI655397 LCO655394:LDE655397 LMK655394:LNA655397 LWG655394:LWW655397 MGC655394:MGS655397 MPY655394:MQO655397 MZU655394:NAK655397 NJQ655394:NKG655397 NTM655394:NUC655397 ODI655394:ODY655397 ONE655394:ONU655397 OXA655394:OXQ655397 PGW655394:PHM655397 PQS655394:PRI655397 QAO655394:QBE655397 QKK655394:QLA655397 QUG655394:QUW655397 REC655394:RES655397 RNY655394:ROO655397 RXU655394:RYK655397 SHQ655394:SIG655397 SRM655394:SSC655397 TBI655394:TBY655397 TLE655394:TLU655397 TVA655394:TVQ655397 UEW655394:UFM655397 UOS655394:UPI655397 UYO655394:UZE655397 VIK655394:VJA655397 VSG655394:VSW655397 WCC655394:WCS655397 WLY655394:WMO655397 WVU655394:WWK655397 M720930:AC720933 JI720930:JY720933 TE720930:TU720933 ADA720930:ADQ720933 AMW720930:ANM720933 AWS720930:AXI720933 BGO720930:BHE720933 BQK720930:BRA720933 CAG720930:CAW720933 CKC720930:CKS720933 CTY720930:CUO720933 DDU720930:DEK720933 DNQ720930:DOG720933 DXM720930:DYC720933 EHI720930:EHY720933 ERE720930:ERU720933 FBA720930:FBQ720933 FKW720930:FLM720933 FUS720930:FVI720933 GEO720930:GFE720933 GOK720930:GPA720933 GYG720930:GYW720933 HIC720930:HIS720933 HRY720930:HSO720933 IBU720930:ICK720933 ILQ720930:IMG720933 IVM720930:IWC720933 JFI720930:JFY720933 JPE720930:JPU720933 JZA720930:JZQ720933 KIW720930:KJM720933 KSS720930:KTI720933 LCO720930:LDE720933 LMK720930:LNA720933 LWG720930:LWW720933 MGC720930:MGS720933 MPY720930:MQO720933 MZU720930:NAK720933 NJQ720930:NKG720933 NTM720930:NUC720933 ODI720930:ODY720933 ONE720930:ONU720933 OXA720930:OXQ720933 PGW720930:PHM720933 PQS720930:PRI720933 QAO720930:QBE720933 QKK720930:QLA720933 QUG720930:QUW720933 REC720930:RES720933 RNY720930:ROO720933 RXU720930:RYK720933 SHQ720930:SIG720933 SRM720930:SSC720933 TBI720930:TBY720933 TLE720930:TLU720933 TVA720930:TVQ720933 UEW720930:UFM720933 UOS720930:UPI720933 UYO720930:UZE720933 VIK720930:VJA720933 VSG720930:VSW720933 WCC720930:WCS720933 WLY720930:WMO720933 WVU720930:WWK720933 M786466:AC786469 JI786466:JY786469 TE786466:TU786469 ADA786466:ADQ786469 AMW786466:ANM786469 AWS786466:AXI786469 BGO786466:BHE786469 BQK786466:BRA786469 CAG786466:CAW786469 CKC786466:CKS786469 CTY786466:CUO786469 DDU786466:DEK786469 DNQ786466:DOG786469 DXM786466:DYC786469 EHI786466:EHY786469 ERE786466:ERU786469 FBA786466:FBQ786469 FKW786466:FLM786469 FUS786466:FVI786469 GEO786466:GFE786469 GOK786466:GPA786469 GYG786466:GYW786469 HIC786466:HIS786469 HRY786466:HSO786469 IBU786466:ICK786469 ILQ786466:IMG786469 IVM786466:IWC786469 JFI786466:JFY786469 JPE786466:JPU786469 JZA786466:JZQ786469 KIW786466:KJM786469 KSS786466:KTI786469 LCO786466:LDE786469 LMK786466:LNA786469 LWG786466:LWW786469 MGC786466:MGS786469 MPY786466:MQO786469 MZU786466:NAK786469 NJQ786466:NKG786469 NTM786466:NUC786469 ODI786466:ODY786469 ONE786466:ONU786469 OXA786466:OXQ786469 PGW786466:PHM786469 PQS786466:PRI786469 QAO786466:QBE786469 QKK786466:QLA786469 QUG786466:QUW786469 REC786466:RES786469 RNY786466:ROO786469 RXU786466:RYK786469 SHQ786466:SIG786469 SRM786466:SSC786469 TBI786466:TBY786469 TLE786466:TLU786469 TVA786466:TVQ786469 UEW786466:UFM786469 UOS786466:UPI786469 UYO786466:UZE786469 VIK786466:VJA786469 VSG786466:VSW786469 WCC786466:WCS786469 WLY786466:WMO786469 WVU786466:WWK786469 M852002:AC852005 JI852002:JY852005 TE852002:TU852005 ADA852002:ADQ852005 AMW852002:ANM852005 AWS852002:AXI852005 BGO852002:BHE852005 BQK852002:BRA852005 CAG852002:CAW852005 CKC852002:CKS852005 CTY852002:CUO852005 DDU852002:DEK852005 DNQ852002:DOG852005 DXM852002:DYC852005 EHI852002:EHY852005 ERE852002:ERU852005 FBA852002:FBQ852005 FKW852002:FLM852005 FUS852002:FVI852005 GEO852002:GFE852005 GOK852002:GPA852005 GYG852002:GYW852005 HIC852002:HIS852005 HRY852002:HSO852005 IBU852002:ICK852005 ILQ852002:IMG852005 IVM852002:IWC852005 JFI852002:JFY852005 JPE852002:JPU852005 JZA852002:JZQ852005 KIW852002:KJM852005 KSS852002:KTI852005 LCO852002:LDE852005 LMK852002:LNA852005 LWG852002:LWW852005 MGC852002:MGS852005 MPY852002:MQO852005 MZU852002:NAK852005 NJQ852002:NKG852005 NTM852002:NUC852005 ODI852002:ODY852005 ONE852002:ONU852005 OXA852002:OXQ852005 PGW852002:PHM852005 PQS852002:PRI852005 QAO852002:QBE852005 QKK852002:QLA852005 QUG852002:QUW852005 REC852002:RES852005 RNY852002:ROO852005 RXU852002:RYK852005 SHQ852002:SIG852005 SRM852002:SSC852005 TBI852002:TBY852005 TLE852002:TLU852005 TVA852002:TVQ852005 UEW852002:UFM852005 UOS852002:UPI852005 UYO852002:UZE852005 VIK852002:VJA852005 VSG852002:VSW852005 WCC852002:WCS852005 WLY852002:WMO852005 WVU852002:WWK852005 M917538:AC917541 JI917538:JY917541 TE917538:TU917541 ADA917538:ADQ917541 AMW917538:ANM917541 AWS917538:AXI917541 BGO917538:BHE917541 BQK917538:BRA917541 CAG917538:CAW917541 CKC917538:CKS917541 CTY917538:CUO917541 DDU917538:DEK917541 DNQ917538:DOG917541 DXM917538:DYC917541 EHI917538:EHY917541 ERE917538:ERU917541 FBA917538:FBQ917541 FKW917538:FLM917541 FUS917538:FVI917541 GEO917538:GFE917541 GOK917538:GPA917541 GYG917538:GYW917541 HIC917538:HIS917541 HRY917538:HSO917541 IBU917538:ICK917541 ILQ917538:IMG917541 IVM917538:IWC917541 JFI917538:JFY917541 JPE917538:JPU917541 JZA917538:JZQ917541 KIW917538:KJM917541 KSS917538:KTI917541 LCO917538:LDE917541 LMK917538:LNA917541 LWG917538:LWW917541 MGC917538:MGS917541 MPY917538:MQO917541 MZU917538:NAK917541 NJQ917538:NKG917541 NTM917538:NUC917541 ODI917538:ODY917541 ONE917538:ONU917541 OXA917538:OXQ917541 PGW917538:PHM917541 PQS917538:PRI917541 QAO917538:QBE917541 QKK917538:QLA917541 QUG917538:QUW917541 REC917538:RES917541 RNY917538:ROO917541 RXU917538:RYK917541 SHQ917538:SIG917541 SRM917538:SSC917541 TBI917538:TBY917541 TLE917538:TLU917541 TVA917538:TVQ917541 UEW917538:UFM917541 UOS917538:UPI917541 UYO917538:UZE917541 VIK917538:VJA917541 VSG917538:VSW917541 WCC917538:WCS917541 WLY917538:WMO917541 WVU917538:WWK917541 M983074:AC983077 JI983074:JY983077 TE983074:TU983077 ADA983074:ADQ983077 AMW983074:ANM983077 AWS983074:AXI983077 BGO983074:BHE983077 BQK983074:BRA983077 CAG983074:CAW983077 CKC983074:CKS983077 CTY983074:CUO983077 DDU983074:DEK983077 DNQ983074:DOG983077 DXM983074:DYC983077 EHI983074:EHY983077 ERE983074:ERU983077 FBA983074:FBQ983077 FKW983074:FLM983077 FUS983074:FVI983077 GEO983074:GFE983077 GOK983074:GPA983077 GYG983074:GYW983077 HIC983074:HIS983077 HRY983074:HSO983077 IBU983074:ICK983077 ILQ983074:IMG983077 IVM983074:IWC983077 JFI983074:JFY983077 JPE983074:JPU983077 JZA983074:JZQ983077 KIW983074:KJM983077 KSS983074:KTI983077 LCO983074:LDE983077 LMK983074:LNA983077 LWG983074:LWW983077 MGC983074:MGS983077 MPY983074:MQO983077 MZU983074:NAK983077 NJQ983074:NKG983077 NTM983074:NUC983077 ODI983074:ODY983077 ONE983074:ONU983077 OXA983074:OXQ983077 PGW983074:PHM983077 PQS983074:PRI983077 QAO983074:QBE983077 QKK983074:QLA983077 QUG983074:QUW983077 REC983074:RES983077 RNY983074:ROO983077 RXU983074:RYK983077 SHQ983074:SIG983077 SRM983074:SSC983077 TBI983074:TBY983077 TLE983074:TLU983077 TVA983074:TVQ983077 UEW983074:UFM983077 UOS983074:UPI983077 UYO983074:UZE983077 VIK983074:VJA983077 VSG983074:VSW983077 WCC983074:WCS983077 WLY983074:WMO983077 WVU983074:WWK983077" xr:uid="{00000000-0002-0000-0100-000028000000}">
      <formula1>100</formula1>
    </dataValidation>
    <dataValidation imeMode="halfAlpha" allowBlank="1" showInputMessage="1" showErrorMessage="1" promptTitle="希望小売価格（税抜）" prompt="製造業者が設定した小売価格。卸値（ネット・納品価格）も同時に尋ねられますので、答えられるようにしておくと良いです。" sqref="X17 JT17 TP17 ADL17 ANH17 AXD17 BGZ17 BQV17 CAR17 CKN17 CUJ17 DEF17 DOB17 DXX17 EHT17 ERP17 FBL17 FLH17 FVD17 GEZ17 GOV17 GYR17 HIN17 HSJ17 ICF17 IMB17 IVX17 JFT17 JPP17 JZL17 KJH17 KTD17 LCZ17 LMV17 LWR17 MGN17 MQJ17 NAF17 NKB17 NTX17 ODT17 ONP17 OXL17 PHH17 PRD17 QAZ17 QKV17 QUR17 REN17 ROJ17 RYF17 SIB17 SRX17 TBT17 TLP17 TVL17 UFH17 UPD17 UYZ17 VIV17 VSR17 WCN17 WMJ17 WWF17 X65553 JT65553 TP65553 ADL65553 ANH65553 AXD65553 BGZ65553 BQV65553 CAR65553 CKN65553 CUJ65553 DEF65553 DOB65553 DXX65553 EHT65553 ERP65553 FBL65553 FLH65553 FVD65553 GEZ65553 GOV65553 GYR65553 HIN65553 HSJ65553 ICF65553 IMB65553 IVX65553 JFT65553 JPP65553 JZL65553 KJH65553 KTD65553 LCZ65553 LMV65553 LWR65553 MGN65553 MQJ65553 NAF65553 NKB65553 NTX65553 ODT65553 ONP65553 OXL65553 PHH65553 PRD65553 QAZ65553 QKV65553 QUR65553 REN65553 ROJ65553 RYF65553 SIB65553 SRX65553 TBT65553 TLP65553 TVL65553 UFH65553 UPD65553 UYZ65553 VIV65553 VSR65553 WCN65553 WMJ65553 WWF65553 X131089 JT131089 TP131089 ADL131089 ANH131089 AXD131089 BGZ131089 BQV131089 CAR131089 CKN131089 CUJ131089 DEF131089 DOB131089 DXX131089 EHT131089 ERP131089 FBL131089 FLH131089 FVD131089 GEZ131089 GOV131089 GYR131089 HIN131089 HSJ131089 ICF131089 IMB131089 IVX131089 JFT131089 JPP131089 JZL131089 KJH131089 KTD131089 LCZ131089 LMV131089 LWR131089 MGN131089 MQJ131089 NAF131089 NKB131089 NTX131089 ODT131089 ONP131089 OXL131089 PHH131089 PRD131089 QAZ131089 QKV131089 QUR131089 REN131089 ROJ131089 RYF131089 SIB131089 SRX131089 TBT131089 TLP131089 TVL131089 UFH131089 UPD131089 UYZ131089 VIV131089 VSR131089 WCN131089 WMJ131089 WWF131089 X196625 JT196625 TP196625 ADL196625 ANH196625 AXD196625 BGZ196625 BQV196625 CAR196625 CKN196625 CUJ196625 DEF196625 DOB196625 DXX196625 EHT196625 ERP196625 FBL196625 FLH196625 FVD196625 GEZ196625 GOV196625 GYR196625 HIN196625 HSJ196625 ICF196625 IMB196625 IVX196625 JFT196625 JPP196625 JZL196625 KJH196625 KTD196625 LCZ196625 LMV196625 LWR196625 MGN196625 MQJ196625 NAF196625 NKB196625 NTX196625 ODT196625 ONP196625 OXL196625 PHH196625 PRD196625 QAZ196625 QKV196625 QUR196625 REN196625 ROJ196625 RYF196625 SIB196625 SRX196625 TBT196625 TLP196625 TVL196625 UFH196625 UPD196625 UYZ196625 VIV196625 VSR196625 WCN196625 WMJ196625 WWF196625 X262161 JT262161 TP262161 ADL262161 ANH262161 AXD262161 BGZ262161 BQV262161 CAR262161 CKN262161 CUJ262161 DEF262161 DOB262161 DXX262161 EHT262161 ERP262161 FBL262161 FLH262161 FVD262161 GEZ262161 GOV262161 GYR262161 HIN262161 HSJ262161 ICF262161 IMB262161 IVX262161 JFT262161 JPP262161 JZL262161 KJH262161 KTD262161 LCZ262161 LMV262161 LWR262161 MGN262161 MQJ262161 NAF262161 NKB262161 NTX262161 ODT262161 ONP262161 OXL262161 PHH262161 PRD262161 QAZ262161 QKV262161 QUR262161 REN262161 ROJ262161 RYF262161 SIB262161 SRX262161 TBT262161 TLP262161 TVL262161 UFH262161 UPD262161 UYZ262161 VIV262161 VSR262161 WCN262161 WMJ262161 WWF262161 X327697 JT327697 TP327697 ADL327697 ANH327697 AXD327697 BGZ327697 BQV327697 CAR327697 CKN327697 CUJ327697 DEF327697 DOB327697 DXX327697 EHT327697 ERP327697 FBL327697 FLH327697 FVD327697 GEZ327697 GOV327697 GYR327697 HIN327697 HSJ327697 ICF327697 IMB327697 IVX327697 JFT327697 JPP327697 JZL327697 KJH327697 KTD327697 LCZ327697 LMV327697 LWR327697 MGN327697 MQJ327697 NAF327697 NKB327697 NTX327697 ODT327697 ONP327697 OXL327697 PHH327697 PRD327697 QAZ327697 QKV327697 QUR327697 REN327697 ROJ327697 RYF327697 SIB327697 SRX327697 TBT327697 TLP327697 TVL327697 UFH327697 UPD327697 UYZ327697 VIV327697 VSR327697 WCN327697 WMJ327697 WWF327697 X393233 JT393233 TP393233 ADL393233 ANH393233 AXD393233 BGZ393233 BQV393233 CAR393233 CKN393233 CUJ393233 DEF393233 DOB393233 DXX393233 EHT393233 ERP393233 FBL393233 FLH393233 FVD393233 GEZ393233 GOV393233 GYR393233 HIN393233 HSJ393233 ICF393233 IMB393233 IVX393233 JFT393233 JPP393233 JZL393233 KJH393233 KTD393233 LCZ393233 LMV393233 LWR393233 MGN393233 MQJ393233 NAF393233 NKB393233 NTX393233 ODT393233 ONP393233 OXL393233 PHH393233 PRD393233 QAZ393233 QKV393233 QUR393233 REN393233 ROJ393233 RYF393233 SIB393233 SRX393233 TBT393233 TLP393233 TVL393233 UFH393233 UPD393233 UYZ393233 VIV393233 VSR393233 WCN393233 WMJ393233 WWF393233 X458769 JT458769 TP458769 ADL458769 ANH458769 AXD458769 BGZ458769 BQV458769 CAR458769 CKN458769 CUJ458769 DEF458769 DOB458769 DXX458769 EHT458769 ERP458769 FBL458769 FLH458769 FVD458769 GEZ458769 GOV458769 GYR458769 HIN458769 HSJ458769 ICF458769 IMB458769 IVX458769 JFT458769 JPP458769 JZL458769 KJH458769 KTD458769 LCZ458769 LMV458769 LWR458769 MGN458769 MQJ458769 NAF458769 NKB458769 NTX458769 ODT458769 ONP458769 OXL458769 PHH458769 PRD458769 QAZ458769 QKV458769 QUR458769 REN458769 ROJ458769 RYF458769 SIB458769 SRX458769 TBT458769 TLP458769 TVL458769 UFH458769 UPD458769 UYZ458769 VIV458769 VSR458769 WCN458769 WMJ458769 WWF458769 X524305 JT524305 TP524305 ADL524305 ANH524305 AXD524305 BGZ524305 BQV524305 CAR524305 CKN524305 CUJ524305 DEF524305 DOB524305 DXX524305 EHT524305 ERP524305 FBL524305 FLH524305 FVD524305 GEZ524305 GOV524305 GYR524305 HIN524305 HSJ524305 ICF524305 IMB524305 IVX524305 JFT524305 JPP524305 JZL524305 KJH524305 KTD524305 LCZ524305 LMV524305 LWR524305 MGN524305 MQJ524305 NAF524305 NKB524305 NTX524305 ODT524305 ONP524305 OXL524305 PHH524305 PRD524305 QAZ524305 QKV524305 QUR524305 REN524305 ROJ524305 RYF524305 SIB524305 SRX524305 TBT524305 TLP524305 TVL524305 UFH524305 UPD524305 UYZ524305 VIV524305 VSR524305 WCN524305 WMJ524305 WWF524305 X589841 JT589841 TP589841 ADL589841 ANH589841 AXD589841 BGZ589841 BQV589841 CAR589841 CKN589841 CUJ589841 DEF589841 DOB589841 DXX589841 EHT589841 ERP589841 FBL589841 FLH589841 FVD589841 GEZ589841 GOV589841 GYR589841 HIN589841 HSJ589841 ICF589841 IMB589841 IVX589841 JFT589841 JPP589841 JZL589841 KJH589841 KTD589841 LCZ589841 LMV589841 LWR589841 MGN589841 MQJ589841 NAF589841 NKB589841 NTX589841 ODT589841 ONP589841 OXL589841 PHH589841 PRD589841 QAZ589841 QKV589841 QUR589841 REN589841 ROJ589841 RYF589841 SIB589841 SRX589841 TBT589841 TLP589841 TVL589841 UFH589841 UPD589841 UYZ589841 VIV589841 VSR589841 WCN589841 WMJ589841 WWF589841 X655377 JT655377 TP655377 ADL655377 ANH655377 AXD655377 BGZ655377 BQV655377 CAR655377 CKN655377 CUJ655377 DEF655377 DOB655377 DXX655377 EHT655377 ERP655377 FBL655377 FLH655377 FVD655377 GEZ655377 GOV655377 GYR655377 HIN655377 HSJ655377 ICF655377 IMB655377 IVX655377 JFT655377 JPP655377 JZL655377 KJH655377 KTD655377 LCZ655377 LMV655377 LWR655377 MGN655377 MQJ655377 NAF655377 NKB655377 NTX655377 ODT655377 ONP655377 OXL655377 PHH655377 PRD655377 QAZ655377 QKV655377 QUR655377 REN655377 ROJ655377 RYF655377 SIB655377 SRX655377 TBT655377 TLP655377 TVL655377 UFH655377 UPD655377 UYZ655377 VIV655377 VSR655377 WCN655377 WMJ655377 WWF655377 X720913 JT720913 TP720913 ADL720913 ANH720913 AXD720913 BGZ720913 BQV720913 CAR720913 CKN720913 CUJ720913 DEF720913 DOB720913 DXX720913 EHT720913 ERP720913 FBL720913 FLH720913 FVD720913 GEZ720913 GOV720913 GYR720913 HIN720913 HSJ720913 ICF720913 IMB720913 IVX720913 JFT720913 JPP720913 JZL720913 KJH720913 KTD720913 LCZ720913 LMV720913 LWR720913 MGN720913 MQJ720913 NAF720913 NKB720913 NTX720913 ODT720913 ONP720913 OXL720913 PHH720913 PRD720913 QAZ720913 QKV720913 QUR720913 REN720913 ROJ720913 RYF720913 SIB720913 SRX720913 TBT720913 TLP720913 TVL720913 UFH720913 UPD720913 UYZ720913 VIV720913 VSR720913 WCN720913 WMJ720913 WWF720913 X786449 JT786449 TP786449 ADL786449 ANH786449 AXD786449 BGZ786449 BQV786449 CAR786449 CKN786449 CUJ786449 DEF786449 DOB786449 DXX786449 EHT786449 ERP786449 FBL786449 FLH786449 FVD786449 GEZ786449 GOV786449 GYR786449 HIN786449 HSJ786449 ICF786449 IMB786449 IVX786449 JFT786449 JPP786449 JZL786449 KJH786449 KTD786449 LCZ786449 LMV786449 LWR786449 MGN786449 MQJ786449 NAF786449 NKB786449 NTX786449 ODT786449 ONP786449 OXL786449 PHH786449 PRD786449 QAZ786449 QKV786449 QUR786449 REN786449 ROJ786449 RYF786449 SIB786449 SRX786449 TBT786449 TLP786449 TVL786449 UFH786449 UPD786449 UYZ786449 VIV786449 VSR786449 WCN786449 WMJ786449 WWF786449 X851985 JT851985 TP851985 ADL851985 ANH851985 AXD851985 BGZ851985 BQV851985 CAR851985 CKN851985 CUJ851985 DEF851985 DOB851985 DXX851985 EHT851985 ERP851985 FBL851985 FLH851985 FVD851985 GEZ851985 GOV851985 GYR851985 HIN851985 HSJ851985 ICF851985 IMB851985 IVX851985 JFT851985 JPP851985 JZL851985 KJH851985 KTD851985 LCZ851985 LMV851985 LWR851985 MGN851985 MQJ851985 NAF851985 NKB851985 NTX851985 ODT851985 ONP851985 OXL851985 PHH851985 PRD851985 QAZ851985 QKV851985 QUR851985 REN851985 ROJ851985 RYF851985 SIB851985 SRX851985 TBT851985 TLP851985 TVL851985 UFH851985 UPD851985 UYZ851985 VIV851985 VSR851985 WCN851985 WMJ851985 WWF851985 X917521 JT917521 TP917521 ADL917521 ANH917521 AXD917521 BGZ917521 BQV917521 CAR917521 CKN917521 CUJ917521 DEF917521 DOB917521 DXX917521 EHT917521 ERP917521 FBL917521 FLH917521 FVD917521 GEZ917521 GOV917521 GYR917521 HIN917521 HSJ917521 ICF917521 IMB917521 IVX917521 JFT917521 JPP917521 JZL917521 KJH917521 KTD917521 LCZ917521 LMV917521 LWR917521 MGN917521 MQJ917521 NAF917521 NKB917521 NTX917521 ODT917521 ONP917521 OXL917521 PHH917521 PRD917521 QAZ917521 QKV917521 QUR917521 REN917521 ROJ917521 RYF917521 SIB917521 SRX917521 TBT917521 TLP917521 TVL917521 UFH917521 UPD917521 UYZ917521 VIV917521 VSR917521 WCN917521 WMJ917521 WWF917521 X983057 JT983057 TP983057 ADL983057 ANH983057 AXD983057 BGZ983057 BQV983057 CAR983057 CKN983057 CUJ983057 DEF983057 DOB983057 DXX983057 EHT983057 ERP983057 FBL983057 FLH983057 FVD983057 GEZ983057 GOV983057 GYR983057 HIN983057 HSJ983057 ICF983057 IMB983057 IVX983057 JFT983057 JPP983057 JZL983057 KJH983057 KTD983057 LCZ983057 LMV983057 LWR983057 MGN983057 MQJ983057 NAF983057 NKB983057 NTX983057 ODT983057 ONP983057 OXL983057 PHH983057 PRD983057 QAZ983057 QKV983057 QUR983057 REN983057 ROJ983057 RYF983057 SIB983057 SRX983057 TBT983057 TLP983057 TVL983057 UFH983057 UPD983057 UYZ983057 VIV983057 VSR983057 WCN983057 WMJ983057 WWF983057" xr:uid="{00000000-0002-0000-0100-000029000000}"/>
    <dataValidation imeMode="on" allowBlank="1" showErrorMessage="1" promptTitle="最低ケース納品単位" prompt="何ケースから納品が可能かケースを記載。商品の数量ではないので注意。_x000a__x000a_合わせ商品の場合は、単箱なのか合わせなのかわかるように記載、またエリアによって違う場合はその内容を記載してください。" sqref="I23:I24 JE23:JE24 TA23:TA24 ACW23:ACW24 AMS23:AMS24 AWO23:AWO24 BGK23:BGK24 BQG23:BQG24 CAC23:CAC24 CJY23:CJY24 CTU23:CTU24 DDQ23:DDQ24 DNM23:DNM24 DXI23:DXI24 EHE23:EHE24 ERA23:ERA24 FAW23:FAW24 FKS23:FKS24 FUO23:FUO24 GEK23:GEK24 GOG23:GOG24 GYC23:GYC24 HHY23:HHY24 HRU23:HRU24 IBQ23:IBQ24 ILM23:ILM24 IVI23:IVI24 JFE23:JFE24 JPA23:JPA24 JYW23:JYW24 KIS23:KIS24 KSO23:KSO24 LCK23:LCK24 LMG23:LMG24 LWC23:LWC24 MFY23:MFY24 MPU23:MPU24 MZQ23:MZQ24 NJM23:NJM24 NTI23:NTI24 ODE23:ODE24 ONA23:ONA24 OWW23:OWW24 PGS23:PGS24 PQO23:PQO24 QAK23:QAK24 QKG23:QKG24 QUC23:QUC24 RDY23:RDY24 RNU23:RNU24 RXQ23:RXQ24 SHM23:SHM24 SRI23:SRI24 TBE23:TBE24 TLA23:TLA24 TUW23:TUW24 UES23:UES24 UOO23:UOO24 UYK23:UYK24 VIG23:VIG24 VSC23:VSC24 WBY23:WBY24 WLU23:WLU24 WVQ23:WVQ24 I65559:I65560 JE65559:JE65560 TA65559:TA65560 ACW65559:ACW65560 AMS65559:AMS65560 AWO65559:AWO65560 BGK65559:BGK65560 BQG65559:BQG65560 CAC65559:CAC65560 CJY65559:CJY65560 CTU65559:CTU65560 DDQ65559:DDQ65560 DNM65559:DNM65560 DXI65559:DXI65560 EHE65559:EHE65560 ERA65559:ERA65560 FAW65559:FAW65560 FKS65559:FKS65560 FUO65559:FUO65560 GEK65559:GEK65560 GOG65559:GOG65560 GYC65559:GYC65560 HHY65559:HHY65560 HRU65559:HRU65560 IBQ65559:IBQ65560 ILM65559:ILM65560 IVI65559:IVI65560 JFE65559:JFE65560 JPA65559:JPA65560 JYW65559:JYW65560 KIS65559:KIS65560 KSO65559:KSO65560 LCK65559:LCK65560 LMG65559:LMG65560 LWC65559:LWC65560 MFY65559:MFY65560 MPU65559:MPU65560 MZQ65559:MZQ65560 NJM65559:NJM65560 NTI65559:NTI65560 ODE65559:ODE65560 ONA65559:ONA65560 OWW65559:OWW65560 PGS65559:PGS65560 PQO65559:PQO65560 QAK65559:QAK65560 QKG65559:QKG65560 QUC65559:QUC65560 RDY65559:RDY65560 RNU65559:RNU65560 RXQ65559:RXQ65560 SHM65559:SHM65560 SRI65559:SRI65560 TBE65559:TBE65560 TLA65559:TLA65560 TUW65559:TUW65560 UES65559:UES65560 UOO65559:UOO65560 UYK65559:UYK65560 VIG65559:VIG65560 VSC65559:VSC65560 WBY65559:WBY65560 WLU65559:WLU65560 WVQ65559:WVQ65560 I131095:I131096 JE131095:JE131096 TA131095:TA131096 ACW131095:ACW131096 AMS131095:AMS131096 AWO131095:AWO131096 BGK131095:BGK131096 BQG131095:BQG131096 CAC131095:CAC131096 CJY131095:CJY131096 CTU131095:CTU131096 DDQ131095:DDQ131096 DNM131095:DNM131096 DXI131095:DXI131096 EHE131095:EHE131096 ERA131095:ERA131096 FAW131095:FAW131096 FKS131095:FKS131096 FUO131095:FUO131096 GEK131095:GEK131096 GOG131095:GOG131096 GYC131095:GYC131096 HHY131095:HHY131096 HRU131095:HRU131096 IBQ131095:IBQ131096 ILM131095:ILM131096 IVI131095:IVI131096 JFE131095:JFE131096 JPA131095:JPA131096 JYW131095:JYW131096 KIS131095:KIS131096 KSO131095:KSO131096 LCK131095:LCK131096 LMG131095:LMG131096 LWC131095:LWC131096 MFY131095:MFY131096 MPU131095:MPU131096 MZQ131095:MZQ131096 NJM131095:NJM131096 NTI131095:NTI131096 ODE131095:ODE131096 ONA131095:ONA131096 OWW131095:OWW131096 PGS131095:PGS131096 PQO131095:PQO131096 QAK131095:QAK131096 QKG131095:QKG131096 QUC131095:QUC131096 RDY131095:RDY131096 RNU131095:RNU131096 RXQ131095:RXQ131096 SHM131095:SHM131096 SRI131095:SRI131096 TBE131095:TBE131096 TLA131095:TLA131096 TUW131095:TUW131096 UES131095:UES131096 UOO131095:UOO131096 UYK131095:UYK131096 VIG131095:VIG131096 VSC131095:VSC131096 WBY131095:WBY131096 WLU131095:WLU131096 WVQ131095:WVQ131096 I196631:I196632 JE196631:JE196632 TA196631:TA196632 ACW196631:ACW196632 AMS196631:AMS196632 AWO196631:AWO196632 BGK196631:BGK196632 BQG196631:BQG196632 CAC196631:CAC196632 CJY196631:CJY196632 CTU196631:CTU196632 DDQ196631:DDQ196632 DNM196631:DNM196632 DXI196631:DXI196632 EHE196631:EHE196632 ERA196631:ERA196632 FAW196631:FAW196632 FKS196631:FKS196632 FUO196631:FUO196632 GEK196631:GEK196632 GOG196631:GOG196632 GYC196631:GYC196632 HHY196631:HHY196632 HRU196631:HRU196632 IBQ196631:IBQ196632 ILM196631:ILM196632 IVI196631:IVI196632 JFE196631:JFE196632 JPA196631:JPA196632 JYW196631:JYW196632 KIS196631:KIS196632 KSO196631:KSO196632 LCK196631:LCK196632 LMG196631:LMG196632 LWC196631:LWC196632 MFY196631:MFY196632 MPU196631:MPU196632 MZQ196631:MZQ196632 NJM196631:NJM196632 NTI196631:NTI196632 ODE196631:ODE196632 ONA196631:ONA196632 OWW196631:OWW196632 PGS196631:PGS196632 PQO196631:PQO196632 QAK196631:QAK196632 QKG196631:QKG196632 QUC196631:QUC196632 RDY196631:RDY196632 RNU196631:RNU196632 RXQ196631:RXQ196632 SHM196631:SHM196632 SRI196631:SRI196632 TBE196631:TBE196632 TLA196631:TLA196632 TUW196631:TUW196632 UES196631:UES196632 UOO196631:UOO196632 UYK196631:UYK196632 VIG196631:VIG196632 VSC196631:VSC196632 WBY196631:WBY196632 WLU196631:WLU196632 WVQ196631:WVQ196632 I262167:I262168 JE262167:JE262168 TA262167:TA262168 ACW262167:ACW262168 AMS262167:AMS262168 AWO262167:AWO262168 BGK262167:BGK262168 BQG262167:BQG262168 CAC262167:CAC262168 CJY262167:CJY262168 CTU262167:CTU262168 DDQ262167:DDQ262168 DNM262167:DNM262168 DXI262167:DXI262168 EHE262167:EHE262168 ERA262167:ERA262168 FAW262167:FAW262168 FKS262167:FKS262168 FUO262167:FUO262168 GEK262167:GEK262168 GOG262167:GOG262168 GYC262167:GYC262168 HHY262167:HHY262168 HRU262167:HRU262168 IBQ262167:IBQ262168 ILM262167:ILM262168 IVI262167:IVI262168 JFE262167:JFE262168 JPA262167:JPA262168 JYW262167:JYW262168 KIS262167:KIS262168 KSO262167:KSO262168 LCK262167:LCK262168 LMG262167:LMG262168 LWC262167:LWC262168 MFY262167:MFY262168 MPU262167:MPU262168 MZQ262167:MZQ262168 NJM262167:NJM262168 NTI262167:NTI262168 ODE262167:ODE262168 ONA262167:ONA262168 OWW262167:OWW262168 PGS262167:PGS262168 PQO262167:PQO262168 QAK262167:QAK262168 QKG262167:QKG262168 QUC262167:QUC262168 RDY262167:RDY262168 RNU262167:RNU262168 RXQ262167:RXQ262168 SHM262167:SHM262168 SRI262167:SRI262168 TBE262167:TBE262168 TLA262167:TLA262168 TUW262167:TUW262168 UES262167:UES262168 UOO262167:UOO262168 UYK262167:UYK262168 VIG262167:VIG262168 VSC262167:VSC262168 WBY262167:WBY262168 WLU262167:WLU262168 WVQ262167:WVQ262168 I327703:I327704 JE327703:JE327704 TA327703:TA327704 ACW327703:ACW327704 AMS327703:AMS327704 AWO327703:AWO327704 BGK327703:BGK327704 BQG327703:BQG327704 CAC327703:CAC327704 CJY327703:CJY327704 CTU327703:CTU327704 DDQ327703:DDQ327704 DNM327703:DNM327704 DXI327703:DXI327704 EHE327703:EHE327704 ERA327703:ERA327704 FAW327703:FAW327704 FKS327703:FKS327704 FUO327703:FUO327704 GEK327703:GEK327704 GOG327703:GOG327704 GYC327703:GYC327704 HHY327703:HHY327704 HRU327703:HRU327704 IBQ327703:IBQ327704 ILM327703:ILM327704 IVI327703:IVI327704 JFE327703:JFE327704 JPA327703:JPA327704 JYW327703:JYW327704 KIS327703:KIS327704 KSO327703:KSO327704 LCK327703:LCK327704 LMG327703:LMG327704 LWC327703:LWC327704 MFY327703:MFY327704 MPU327703:MPU327704 MZQ327703:MZQ327704 NJM327703:NJM327704 NTI327703:NTI327704 ODE327703:ODE327704 ONA327703:ONA327704 OWW327703:OWW327704 PGS327703:PGS327704 PQO327703:PQO327704 QAK327703:QAK327704 QKG327703:QKG327704 QUC327703:QUC327704 RDY327703:RDY327704 RNU327703:RNU327704 RXQ327703:RXQ327704 SHM327703:SHM327704 SRI327703:SRI327704 TBE327703:TBE327704 TLA327703:TLA327704 TUW327703:TUW327704 UES327703:UES327704 UOO327703:UOO327704 UYK327703:UYK327704 VIG327703:VIG327704 VSC327703:VSC327704 WBY327703:WBY327704 WLU327703:WLU327704 WVQ327703:WVQ327704 I393239:I393240 JE393239:JE393240 TA393239:TA393240 ACW393239:ACW393240 AMS393239:AMS393240 AWO393239:AWO393240 BGK393239:BGK393240 BQG393239:BQG393240 CAC393239:CAC393240 CJY393239:CJY393240 CTU393239:CTU393240 DDQ393239:DDQ393240 DNM393239:DNM393240 DXI393239:DXI393240 EHE393239:EHE393240 ERA393239:ERA393240 FAW393239:FAW393240 FKS393239:FKS393240 FUO393239:FUO393240 GEK393239:GEK393240 GOG393239:GOG393240 GYC393239:GYC393240 HHY393239:HHY393240 HRU393239:HRU393240 IBQ393239:IBQ393240 ILM393239:ILM393240 IVI393239:IVI393240 JFE393239:JFE393240 JPA393239:JPA393240 JYW393239:JYW393240 KIS393239:KIS393240 KSO393239:KSO393240 LCK393239:LCK393240 LMG393239:LMG393240 LWC393239:LWC393240 MFY393239:MFY393240 MPU393239:MPU393240 MZQ393239:MZQ393240 NJM393239:NJM393240 NTI393239:NTI393240 ODE393239:ODE393240 ONA393239:ONA393240 OWW393239:OWW393240 PGS393239:PGS393240 PQO393239:PQO393240 QAK393239:QAK393240 QKG393239:QKG393240 QUC393239:QUC393240 RDY393239:RDY393240 RNU393239:RNU393240 RXQ393239:RXQ393240 SHM393239:SHM393240 SRI393239:SRI393240 TBE393239:TBE393240 TLA393239:TLA393240 TUW393239:TUW393240 UES393239:UES393240 UOO393239:UOO393240 UYK393239:UYK393240 VIG393239:VIG393240 VSC393239:VSC393240 WBY393239:WBY393240 WLU393239:WLU393240 WVQ393239:WVQ393240 I458775:I458776 JE458775:JE458776 TA458775:TA458776 ACW458775:ACW458776 AMS458775:AMS458776 AWO458775:AWO458776 BGK458775:BGK458776 BQG458775:BQG458776 CAC458775:CAC458776 CJY458775:CJY458776 CTU458775:CTU458776 DDQ458775:DDQ458776 DNM458775:DNM458776 DXI458775:DXI458776 EHE458775:EHE458776 ERA458775:ERA458776 FAW458775:FAW458776 FKS458775:FKS458776 FUO458775:FUO458776 GEK458775:GEK458776 GOG458775:GOG458776 GYC458775:GYC458776 HHY458775:HHY458776 HRU458775:HRU458776 IBQ458775:IBQ458776 ILM458775:ILM458776 IVI458775:IVI458776 JFE458775:JFE458776 JPA458775:JPA458776 JYW458775:JYW458776 KIS458775:KIS458776 KSO458775:KSO458776 LCK458775:LCK458776 LMG458775:LMG458776 LWC458775:LWC458776 MFY458775:MFY458776 MPU458775:MPU458776 MZQ458775:MZQ458776 NJM458775:NJM458776 NTI458775:NTI458776 ODE458775:ODE458776 ONA458775:ONA458776 OWW458775:OWW458776 PGS458775:PGS458776 PQO458775:PQO458776 QAK458775:QAK458776 QKG458775:QKG458776 QUC458775:QUC458776 RDY458775:RDY458776 RNU458775:RNU458776 RXQ458775:RXQ458776 SHM458775:SHM458776 SRI458775:SRI458776 TBE458775:TBE458776 TLA458775:TLA458776 TUW458775:TUW458776 UES458775:UES458776 UOO458775:UOO458776 UYK458775:UYK458776 VIG458775:VIG458776 VSC458775:VSC458776 WBY458775:WBY458776 WLU458775:WLU458776 WVQ458775:WVQ458776 I524311:I524312 JE524311:JE524312 TA524311:TA524312 ACW524311:ACW524312 AMS524311:AMS524312 AWO524311:AWO524312 BGK524311:BGK524312 BQG524311:BQG524312 CAC524311:CAC524312 CJY524311:CJY524312 CTU524311:CTU524312 DDQ524311:DDQ524312 DNM524311:DNM524312 DXI524311:DXI524312 EHE524311:EHE524312 ERA524311:ERA524312 FAW524311:FAW524312 FKS524311:FKS524312 FUO524311:FUO524312 GEK524311:GEK524312 GOG524311:GOG524312 GYC524311:GYC524312 HHY524311:HHY524312 HRU524311:HRU524312 IBQ524311:IBQ524312 ILM524311:ILM524312 IVI524311:IVI524312 JFE524311:JFE524312 JPA524311:JPA524312 JYW524311:JYW524312 KIS524311:KIS524312 KSO524311:KSO524312 LCK524311:LCK524312 LMG524311:LMG524312 LWC524311:LWC524312 MFY524311:MFY524312 MPU524311:MPU524312 MZQ524311:MZQ524312 NJM524311:NJM524312 NTI524311:NTI524312 ODE524311:ODE524312 ONA524311:ONA524312 OWW524311:OWW524312 PGS524311:PGS524312 PQO524311:PQO524312 QAK524311:QAK524312 QKG524311:QKG524312 QUC524311:QUC524312 RDY524311:RDY524312 RNU524311:RNU524312 RXQ524311:RXQ524312 SHM524311:SHM524312 SRI524311:SRI524312 TBE524311:TBE524312 TLA524311:TLA524312 TUW524311:TUW524312 UES524311:UES524312 UOO524311:UOO524312 UYK524311:UYK524312 VIG524311:VIG524312 VSC524311:VSC524312 WBY524311:WBY524312 WLU524311:WLU524312 WVQ524311:WVQ524312 I589847:I589848 JE589847:JE589848 TA589847:TA589848 ACW589847:ACW589848 AMS589847:AMS589848 AWO589847:AWO589848 BGK589847:BGK589848 BQG589847:BQG589848 CAC589847:CAC589848 CJY589847:CJY589848 CTU589847:CTU589848 DDQ589847:DDQ589848 DNM589847:DNM589848 DXI589847:DXI589848 EHE589847:EHE589848 ERA589847:ERA589848 FAW589847:FAW589848 FKS589847:FKS589848 FUO589847:FUO589848 GEK589847:GEK589848 GOG589847:GOG589848 GYC589847:GYC589848 HHY589847:HHY589848 HRU589847:HRU589848 IBQ589847:IBQ589848 ILM589847:ILM589848 IVI589847:IVI589848 JFE589847:JFE589848 JPA589847:JPA589848 JYW589847:JYW589848 KIS589847:KIS589848 KSO589847:KSO589848 LCK589847:LCK589848 LMG589847:LMG589848 LWC589847:LWC589848 MFY589847:MFY589848 MPU589847:MPU589848 MZQ589847:MZQ589848 NJM589847:NJM589848 NTI589847:NTI589848 ODE589847:ODE589848 ONA589847:ONA589848 OWW589847:OWW589848 PGS589847:PGS589848 PQO589847:PQO589848 QAK589847:QAK589848 QKG589847:QKG589848 QUC589847:QUC589848 RDY589847:RDY589848 RNU589847:RNU589848 RXQ589847:RXQ589848 SHM589847:SHM589848 SRI589847:SRI589848 TBE589847:TBE589848 TLA589847:TLA589848 TUW589847:TUW589848 UES589847:UES589848 UOO589847:UOO589848 UYK589847:UYK589848 VIG589847:VIG589848 VSC589847:VSC589848 WBY589847:WBY589848 WLU589847:WLU589848 WVQ589847:WVQ589848 I655383:I655384 JE655383:JE655384 TA655383:TA655384 ACW655383:ACW655384 AMS655383:AMS655384 AWO655383:AWO655384 BGK655383:BGK655384 BQG655383:BQG655384 CAC655383:CAC655384 CJY655383:CJY655384 CTU655383:CTU655384 DDQ655383:DDQ655384 DNM655383:DNM655384 DXI655383:DXI655384 EHE655383:EHE655384 ERA655383:ERA655384 FAW655383:FAW655384 FKS655383:FKS655384 FUO655383:FUO655384 GEK655383:GEK655384 GOG655383:GOG655384 GYC655383:GYC655384 HHY655383:HHY655384 HRU655383:HRU655384 IBQ655383:IBQ655384 ILM655383:ILM655384 IVI655383:IVI655384 JFE655383:JFE655384 JPA655383:JPA655384 JYW655383:JYW655384 KIS655383:KIS655384 KSO655383:KSO655384 LCK655383:LCK655384 LMG655383:LMG655384 LWC655383:LWC655384 MFY655383:MFY655384 MPU655383:MPU655384 MZQ655383:MZQ655384 NJM655383:NJM655384 NTI655383:NTI655384 ODE655383:ODE655384 ONA655383:ONA655384 OWW655383:OWW655384 PGS655383:PGS655384 PQO655383:PQO655384 QAK655383:QAK655384 QKG655383:QKG655384 QUC655383:QUC655384 RDY655383:RDY655384 RNU655383:RNU655384 RXQ655383:RXQ655384 SHM655383:SHM655384 SRI655383:SRI655384 TBE655383:TBE655384 TLA655383:TLA655384 TUW655383:TUW655384 UES655383:UES655384 UOO655383:UOO655384 UYK655383:UYK655384 VIG655383:VIG655384 VSC655383:VSC655384 WBY655383:WBY655384 WLU655383:WLU655384 WVQ655383:WVQ655384 I720919:I720920 JE720919:JE720920 TA720919:TA720920 ACW720919:ACW720920 AMS720919:AMS720920 AWO720919:AWO720920 BGK720919:BGK720920 BQG720919:BQG720920 CAC720919:CAC720920 CJY720919:CJY720920 CTU720919:CTU720920 DDQ720919:DDQ720920 DNM720919:DNM720920 DXI720919:DXI720920 EHE720919:EHE720920 ERA720919:ERA720920 FAW720919:FAW720920 FKS720919:FKS720920 FUO720919:FUO720920 GEK720919:GEK720920 GOG720919:GOG720920 GYC720919:GYC720920 HHY720919:HHY720920 HRU720919:HRU720920 IBQ720919:IBQ720920 ILM720919:ILM720920 IVI720919:IVI720920 JFE720919:JFE720920 JPA720919:JPA720920 JYW720919:JYW720920 KIS720919:KIS720920 KSO720919:KSO720920 LCK720919:LCK720920 LMG720919:LMG720920 LWC720919:LWC720920 MFY720919:MFY720920 MPU720919:MPU720920 MZQ720919:MZQ720920 NJM720919:NJM720920 NTI720919:NTI720920 ODE720919:ODE720920 ONA720919:ONA720920 OWW720919:OWW720920 PGS720919:PGS720920 PQO720919:PQO720920 QAK720919:QAK720920 QKG720919:QKG720920 QUC720919:QUC720920 RDY720919:RDY720920 RNU720919:RNU720920 RXQ720919:RXQ720920 SHM720919:SHM720920 SRI720919:SRI720920 TBE720919:TBE720920 TLA720919:TLA720920 TUW720919:TUW720920 UES720919:UES720920 UOO720919:UOO720920 UYK720919:UYK720920 VIG720919:VIG720920 VSC720919:VSC720920 WBY720919:WBY720920 WLU720919:WLU720920 WVQ720919:WVQ720920 I786455:I786456 JE786455:JE786456 TA786455:TA786456 ACW786455:ACW786456 AMS786455:AMS786456 AWO786455:AWO786456 BGK786455:BGK786456 BQG786455:BQG786456 CAC786455:CAC786456 CJY786455:CJY786456 CTU786455:CTU786456 DDQ786455:DDQ786456 DNM786455:DNM786456 DXI786455:DXI786456 EHE786455:EHE786456 ERA786455:ERA786456 FAW786455:FAW786456 FKS786455:FKS786456 FUO786455:FUO786456 GEK786455:GEK786456 GOG786455:GOG786456 GYC786455:GYC786456 HHY786455:HHY786456 HRU786455:HRU786456 IBQ786455:IBQ786456 ILM786455:ILM786456 IVI786455:IVI786456 JFE786455:JFE786456 JPA786455:JPA786456 JYW786455:JYW786456 KIS786455:KIS786456 KSO786455:KSO786456 LCK786455:LCK786456 LMG786455:LMG786456 LWC786455:LWC786456 MFY786455:MFY786456 MPU786455:MPU786456 MZQ786455:MZQ786456 NJM786455:NJM786456 NTI786455:NTI786456 ODE786455:ODE786456 ONA786455:ONA786456 OWW786455:OWW786456 PGS786455:PGS786456 PQO786455:PQO786456 QAK786455:QAK786456 QKG786455:QKG786456 QUC786455:QUC786456 RDY786455:RDY786456 RNU786455:RNU786456 RXQ786455:RXQ786456 SHM786455:SHM786456 SRI786455:SRI786456 TBE786455:TBE786456 TLA786455:TLA786456 TUW786455:TUW786456 UES786455:UES786456 UOO786455:UOO786456 UYK786455:UYK786456 VIG786455:VIG786456 VSC786455:VSC786456 WBY786455:WBY786456 WLU786455:WLU786456 WVQ786455:WVQ786456 I851991:I851992 JE851991:JE851992 TA851991:TA851992 ACW851991:ACW851992 AMS851991:AMS851992 AWO851991:AWO851992 BGK851991:BGK851992 BQG851991:BQG851992 CAC851991:CAC851992 CJY851991:CJY851992 CTU851991:CTU851992 DDQ851991:DDQ851992 DNM851991:DNM851992 DXI851991:DXI851992 EHE851991:EHE851992 ERA851991:ERA851992 FAW851991:FAW851992 FKS851991:FKS851992 FUO851991:FUO851992 GEK851991:GEK851992 GOG851991:GOG851992 GYC851991:GYC851992 HHY851991:HHY851992 HRU851991:HRU851992 IBQ851991:IBQ851992 ILM851991:ILM851992 IVI851991:IVI851992 JFE851991:JFE851992 JPA851991:JPA851992 JYW851991:JYW851992 KIS851991:KIS851992 KSO851991:KSO851992 LCK851991:LCK851992 LMG851991:LMG851992 LWC851991:LWC851992 MFY851991:MFY851992 MPU851991:MPU851992 MZQ851991:MZQ851992 NJM851991:NJM851992 NTI851991:NTI851992 ODE851991:ODE851992 ONA851991:ONA851992 OWW851991:OWW851992 PGS851991:PGS851992 PQO851991:PQO851992 QAK851991:QAK851992 QKG851991:QKG851992 QUC851991:QUC851992 RDY851991:RDY851992 RNU851991:RNU851992 RXQ851991:RXQ851992 SHM851991:SHM851992 SRI851991:SRI851992 TBE851991:TBE851992 TLA851991:TLA851992 TUW851991:TUW851992 UES851991:UES851992 UOO851991:UOO851992 UYK851991:UYK851992 VIG851991:VIG851992 VSC851991:VSC851992 WBY851991:WBY851992 WLU851991:WLU851992 WVQ851991:WVQ851992 I917527:I917528 JE917527:JE917528 TA917527:TA917528 ACW917527:ACW917528 AMS917527:AMS917528 AWO917527:AWO917528 BGK917527:BGK917528 BQG917527:BQG917528 CAC917527:CAC917528 CJY917527:CJY917528 CTU917527:CTU917528 DDQ917527:DDQ917528 DNM917527:DNM917528 DXI917527:DXI917528 EHE917527:EHE917528 ERA917527:ERA917528 FAW917527:FAW917528 FKS917527:FKS917528 FUO917527:FUO917528 GEK917527:GEK917528 GOG917527:GOG917528 GYC917527:GYC917528 HHY917527:HHY917528 HRU917527:HRU917528 IBQ917527:IBQ917528 ILM917527:ILM917528 IVI917527:IVI917528 JFE917527:JFE917528 JPA917527:JPA917528 JYW917527:JYW917528 KIS917527:KIS917528 KSO917527:KSO917528 LCK917527:LCK917528 LMG917527:LMG917528 LWC917527:LWC917528 MFY917527:MFY917528 MPU917527:MPU917528 MZQ917527:MZQ917528 NJM917527:NJM917528 NTI917527:NTI917528 ODE917527:ODE917528 ONA917527:ONA917528 OWW917527:OWW917528 PGS917527:PGS917528 PQO917527:PQO917528 QAK917527:QAK917528 QKG917527:QKG917528 QUC917527:QUC917528 RDY917527:RDY917528 RNU917527:RNU917528 RXQ917527:RXQ917528 SHM917527:SHM917528 SRI917527:SRI917528 TBE917527:TBE917528 TLA917527:TLA917528 TUW917527:TUW917528 UES917527:UES917528 UOO917527:UOO917528 UYK917527:UYK917528 VIG917527:VIG917528 VSC917527:VSC917528 WBY917527:WBY917528 WLU917527:WLU917528 WVQ917527:WVQ917528 I983063:I983064 JE983063:JE983064 TA983063:TA983064 ACW983063:ACW983064 AMS983063:AMS983064 AWO983063:AWO983064 BGK983063:BGK983064 BQG983063:BQG983064 CAC983063:CAC983064 CJY983063:CJY983064 CTU983063:CTU983064 DDQ983063:DDQ983064 DNM983063:DNM983064 DXI983063:DXI983064 EHE983063:EHE983064 ERA983063:ERA983064 FAW983063:FAW983064 FKS983063:FKS983064 FUO983063:FUO983064 GEK983063:GEK983064 GOG983063:GOG983064 GYC983063:GYC983064 HHY983063:HHY983064 HRU983063:HRU983064 IBQ983063:IBQ983064 ILM983063:ILM983064 IVI983063:IVI983064 JFE983063:JFE983064 JPA983063:JPA983064 JYW983063:JYW983064 KIS983063:KIS983064 KSO983063:KSO983064 LCK983063:LCK983064 LMG983063:LMG983064 LWC983063:LWC983064 MFY983063:MFY983064 MPU983063:MPU983064 MZQ983063:MZQ983064 NJM983063:NJM983064 NTI983063:NTI983064 ODE983063:ODE983064 ONA983063:ONA983064 OWW983063:OWW983064 PGS983063:PGS983064 PQO983063:PQO983064 QAK983063:QAK983064 QKG983063:QKG983064 QUC983063:QUC983064 RDY983063:RDY983064 RNU983063:RNU983064 RXQ983063:RXQ983064 SHM983063:SHM983064 SRI983063:SRI983064 TBE983063:TBE983064 TLA983063:TLA983064 TUW983063:TUW983064 UES983063:UES983064 UOO983063:UOO983064 UYK983063:UYK983064 VIG983063:VIG983064 VSC983063:VSC983064 WBY983063:WBY983064 WLU983063:WLU983064 WVQ983063:WVQ983064 M23:M24 JI23:JI24 TE23:TE24 ADA23:ADA24 AMW23:AMW24 AWS23:AWS24 BGO23:BGO24 BQK23:BQK24 CAG23:CAG24 CKC23:CKC24 CTY23:CTY24 DDU23:DDU24 DNQ23:DNQ24 DXM23:DXM24 EHI23:EHI24 ERE23:ERE24 FBA23:FBA24 FKW23:FKW24 FUS23:FUS24 GEO23:GEO24 GOK23:GOK24 GYG23:GYG24 HIC23:HIC24 HRY23:HRY24 IBU23:IBU24 ILQ23:ILQ24 IVM23:IVM24 JFI23:JFI24 JPE23:JPE24 JZA23:JZA24 KIW23:KIW24 KSS23:KSS24 LCO23:LCO24 LMK23:LMK24 LWG23:LWG24 MGC23:MGC24 MPY23:MPY24 MZU23:MZU24 NJQ23:NJQ24 NTM23:NTM24 ODI23:ODI24 ONE23:ONE24 OXA23:OXA24 PGW23:PGW24 PQS23:PQS24 QAO23:QAO24 QKK23:QKK24 QUG23:QUG24 REC23:REC24 RNY23:RNY24 RXU23:RXU24 SHQ23:SHQ24 SRM23:SRM24 TBI23:TBI24 TLE23:TLE24 TVA23:TVA24 UEW23:UEW24 UOS23:UOS24 UYO23:UYO24 VIK23:VIK24 VSG23:VSG24 WCC23:WCC24 WLY23:WLY24 WVU23:WVU24 M65559:M65560 JI65559:JI65560 TE65559:TE65560 ADA65559:ADA65560 AMW65559:AMW65560 AWS65559:AWS65560 BGO65559:BGO65560 BQK65559:BQK65560 CAG65559:CAG65560 CKC65559:CKC65560 CTY65559:CTY65560 DDU65559:DDU65560 DNQ65559:DNQ65560 DXM65559:DXM65560 EHI65559:EHI65560 ERE65559:ERE65560 FBA65559:FBA65560 FKW65559:FKW65560 FUS65559:FUS65560 GEO65559:GEO65560 GOK65559:GOK65560 GYG65559:GYG65560 HIC65559:HIC65560 HRY65559:HRY65560 IBU65559:IBU65560 ILQ65559:ILQ65560 IVM65559:IVM65560 JFI65559:JFI65560 JPE65559:JPE65560 JZA65559:JZA65560 KIW65559:KIW65560 KSS65559:KSS65560 LCO65559:LCO65560 LMK65559:LMK65560 LWG65559:LWG65560 MGC65559:MGC65560 MPY65559:MPY65560 MZU65559:MZU65560 NJQ65559:NJQ65560 NTM65559:NTM65560 ODI65559:ODI65560 ONE65559:ONE65560 OXA65559:OXA65560 PGW65559:PGW65560 PQS65559:PQS65560 QAO65559:QAO65560 QKK65559:QKK65560 QUG65559:QUG65560 REC65559:REC65560 RNY65559:RNY65560 RXU65559:RXU65560 SHQ65559:SHQ65560 SRM65559:SRM65560 TBI65559:TBI65560 TLE65559:TLE65560 TVA65559:TVA65560 UEW65559:UEW65560 UOS65559:UOS65560 UYO65559:UYO65560 VIK65559:VIK65560 VSG65559:VSG65560 WCC65559:WCC65560 WLY65559:WLY65560 WVU65559:WVU65560 M131095:M131096 JI131095:JI131096 TE131095:TE131096 ADA131095:ADA131096 AMW131095:AMW131096 AWS131095:AWS131096 BGO131095:BGO131096 BQK131095:BQK131096 CAG131095:CAG131096 CKC131095:CKC131096 CTY131095:CTY131096 DDU131095:DDU131096 DNQ131095:DNQ131096 DXM131095:DXM131096 EHI131095:EHI131096 ERE131095:ERE131096 FBA131095:FBA131096 FKW131095:FKW131096 FUS131095:FUS131096 GEO131095:GEO131096 GOK131095:GOK131096 GYG131095:GYG131096 HIC131095:HIC131096 HRY131095:HRY131096 IBU131095:IBU131096 ILQ131095:ILQ131096 IVM131095:IVM131096 JFI131095:JFI131096 JPE131095:JPE131096 JZA131095:JZA131096 KIW131095:KIW131096 KSS131095:KSS131096 LCO131095:LCO131096 LMK131095:LMK131096 LWG131095:LWG131096 MGC131095:MGC131096 MPY131095:MPY131096 MZU131095:MZU131096 NJQ131095:NJQ131096 NTM131095:NTM131096 ODI131095:ODI131096 ONE131095:ONE131096 OXA131095:OXA131096 PGW131095:PGW131096 PQS131095:PQS131096 QAO131095:QAO131096 QKK131095:QKK131096 QUG131095:QUG131096 REC131095:REC131096 RNY131095:RNY131096 RXU131095:RXU131096 SHQ131095:SHQ131096 SRM131095:SRM131096 TBI131095:TBI131096 TLE131095:TLE131096 TVA131095:TVA131096 UEW131095:UEW131096 UOS131095:UOS131096 UYO131095:UYO131096 VIK131095:VIK131096 VSG131095:VSG131096 WCC131095:WCC131096 WLY131095:WLY131096 WVU131095:WVU131096 M196631:M196632 JI196631:JI196632 TE196631:TE196632 ADA196631:ADA196632 AMW196631:AMW196632 AWS196631:AWS196632 BGO196631:BGO196632 BQK196631:BQK196632 CAG196631:CAG196632 CKC196631:CKC196632 CTY196631:CTY196632 DDU196631:DDU196632 DNQ196631:DNQ196632 DXM196631:DXM196632 EHI196631:EHI196632 ERE196631:ERE196632 FBA196631:FBA196632 FKW196631:FKW196632 FUS196631:FUS196632 GEO196631:GEO196632 GOK196631:GOK196632 GYG196631:GYG196632 HIC196631:HIC196632 HRY196631:HRY196632 IBU196631:IBU196632 ILQ196631:ILQ196632 IVM196631:IVM196632 JFI196631:JFI196632 JPE196631:JPE196632 JZA196631:JZA196632 KIW196631:KIW196632 KSS196631:KSS196632 LCO196631:LCO196632 LMK196631:LMK196632 LWG196631:LWG196632 MGC196631:MGC196632 MPY196631:MPY196632 MZU196631:MZU196632 NJQ196631:NJQ196632 NTM196631:NTM196632 ODI196631:ODI196632 ONE196631:ONE196632 OXA196631:OXA196632 PGW196631:PGW196632 PQS196631:PQS196632 QAO196631:QAO196632 QKK196631:QKK196632 QUG196631:QUG196632 REC196631:REC196632 RNY196631:RNY196632 RXU196631:RXU196632 SHQ196631:SHQ196632 SRM196631:SRM196632 TBI196631:TBI196632 TLE196631:TLE196632 TVA196631:TVA196632 UEW196631:UEW196632 UOS196631:UOS196632 UYO196631:UYO196632 VIK196631:VIK196632 VSG196631:VSG196632 WCC196631:WCC196632 WLY196631:WLY196632 WVU196631:WVU196632 M262167:M262168 JI262167:JI262168 TE262167:TE262168 ADA262167:ADA262168 AMW262167:AMW262168 AWS262167:AWS262168 BGO262167:BGO262168 BQK262167:BQK262168 CAG262167:CAG262168 CKC262167:CKC262168 CTY262167:CTY262168 DDU262167:DDU262168 DNQ262167:DNQ262168 DXM262167:DXM262168 EHI262167:EHI262168 ERE262167:ERE262168 FBA262167:FBA262168 FKW262167:FKW262168 FUS262167:FUS262168 GEO262167:GEO262168 GOK262167:GOK262168 GYG262167:GYG262168 HIC262167:HIC262168 HRY262167:HRY262168 IBU262167:IBU262168 ILQ262167:ILQ262168 IVM262167:IVM262168 JFI262167:JFI262168 JPE262167:JPE262168 JZA262167:JZA262168 KIW262167:KIW262168 KSS262167:KSS262168 LCO262167:LCO262168 LMK262167:LMK262168 LWG262167:LWG262168 MGC262167:MGC262168 MPY262167:MPY262168 MZU262167:MZU262168 NJQ262167:NJQ262168 NTM262167:NTM262168 ODI262167:ODI262168 ONE262167:ONE262168 OXA262167:OXA262168 PGW262167:PGW262168 PQS262167:PQS262168 QAO262167:QAO262168 QKK262167:QKK262168 QUG262167:QUG262168 REC262167:REC262168 RNY262167:RNY262168 RXU262167:RXU262168 SHQ262167:SHQ262168 SRM262167:SRM262168 TBI262167:TBI262168 TLE262167:TLE262168 TVA262167:TVA262168 UEW262167:UEW262168 UOS262167:UOS262168 UYO262167:UYO262168 VIK262167:VIK262168 VSG262167:VSG262168 WCC262167:WCC262168 WLY262167:WLY262168 WVU262167:WVU262168 M327703:M327704 JI327703:JI327704 TE327703:TE327704 ADA327703:ADA327704 AMW327703:AMW327704 AWS327703:AWS327704 BGO327703:BGO327704 BQK327703:BQK327704 CAG327703:CAG327704 CKC327703:CKC327704 CTY327703:CTY327704 DDU327703:DDU327704 DNQ327703:DNQ327704 DXM327703:DXM327704 EHI327703:EHI327704 ERE327703:ERE327704 FBA327703:FBA327704 FKW327703:FKW327704 FUS327703:FUS327704 GEO327703:GEO327704 GOK327703:GOK327704 GYG327703:GYG327704 HIC327703:HIC327704 HRY327703:HRY327704 IBU327703:IBU327704 ILQ327703:ILQ327704 IVM327703:IVM327704 JFI327703:JFI327704 JPE327703:JPE327704 JZA327703:JZA327704 KIW327703:KIW327704 KSS327703:KSS327704 LCO327703:LCO327704 LMK327703:LMK327704 LWG327703:LWG327704 MGC327703:MGC327704 MPY327703:MPY327704 MZU327703:MZU327704 NJQ327703:NJQ327704 NTM327703:NTM327704 ODI327703:ODI327704 ONE327703:ONE327704 OXA327703:OXA327704 PGW327703:PGW327704 PQS327703:PQS327704 QAO327703:QAO327704 QKK327703:QKK327704 QUG327703:QUG327704 REC327703:REC327704 RNY327703:RNY327704 RXU327703:RXU327704 SHQ327703:SHQ327704 SRM327703:SRM327704 TBI327703:TBI327704 TLE327703:TLE327704 TVA327703:TVA327704 UEW327703:UEW327704 UOS327703:UOS327704 UYO327703:UYO327704 VIK327703:VIK327704 VSG327703:VSG327704 WCC327703:WCC327704 WLY327703:WLY327704 WVU327703:WVU327704 M393239:M393240 JI393239:JI393240 TE393239:TE393240 ADA393239:ADA393240 AMW393239:AMW393240 AWS393239:AWS393240 BGO393239:BGO393240 BQK393239:BQK393240 CAG393239:CAG393240 CKC393239:CKC393240 CTY393239:CTY393240 DDU393239:DDU393240 DNQ393239:DNQ393240 DXM393239:DXM393240 EHI393239:EHI393240 ERE393239:ERE393240 FBA393239:FBA393240 FKW393239:FKW393240 FUS393239:FUS393240 GEO393239:GEO393240 GOK393239:GOK393240 GYG393239:GYG393240 HIC393239:HIC393240 HRY393239:HRY393240 IBU393239:IBU393240 ILQ393239:ILQ393240 IVM393239:IVM393240 JFI393239:JFI393240 JPE393239:JPE393240 JZA393239:JZA393240 KIW393239:KIW393240 KSS393239:KSS393240 LCO393239:LCO393240 LMK393239:LMK393240 LWG393239:LWG393240 MGC393239:MGC393240 MPY393239:MPY393240 MZU393239:MZU393240 NJQ393239:NJQ393240 NTM393239:NTM393240 ODI393239:ODI393240 ONE393239:ONE393240 OXA393239:OXA393240 PGW393239:PGW393240 PQS393239:PQS393240 QAO393239:QAO393240 QKK393239:QKK393240 QUG393239:QUG393240 REC393239:REC393240 RNY393239:RNY393240 RXU393239:RXU393240 SHQ393239:SHQ393240 SRM393239:SRM393240 TBI393239:TBI393240 TLE393239:TLE393240 TVA393239:TVA393240 UEW393239:UEW393240 UOS393239:UOS393240 UYO393239:UYO393240 VIK393239:VIK393240 VSG393239:VSG393240 WCC393239:WCC393240 WLY393239:WLY393240 WVU393239:WVU393240 M458775:M458776 JI458775:JI458776 TE458775:TE458776 ADA458775:ADA458776 AMW458775:AMW458776 AWS458775:AWS458776 BGO458775:BGO458776 BQK458775:BQK458776 CAG458775:CAG458776 CKC458775:CKC458776 CTY458775:CTY458776 DDU458775:DDU458776 DNQ458775:DNQ458776 DXM458775:DXM458776 EHI458775:EHI458776 ERE458775:ERE458776 FBA458775:FBA458776 FKW458775:FKW458776 FUS458775:FUS458776 GEO458775:GEO458776 GOK458775:GOK458776 GYG458775:GYG458776 HIC458775:HIC458776 HRY458775:HRY458776 IBU458775:IBU458776 ILQ458775:ILQ458776 IVM458775:IVM458776 JFI458775:JFI458776 JPE458775:JPE458776 JZA458775:JZA458776 KIW458775:KIW458776 KSS458775:KSS458776 LCO458775:LCO458776 LMK458775:LMK458776 LWG458775:LWG458776 MGC458775:MGC458776 MPY458775:MPY458776 MZU458775:MZU458776 NJQ458775:NJQ458776 NTM458775:NTM458776 ODI458775:ODI458776 ONE458775:ONE458776 OXA458775:OXA458776 PGW458775:PGW458776 PQS458775:PQS458776 QAO458775:QAO458776 QKK458775:QKK458776 QUG458775:QUG458776 REC458775:REC458776 RNY458775:RNY458776 RXU458775:RXU458776 SHQ458775:SHQ458776 SRM458775:SRM458776 TBI458775:TBI458776 TLE458775:TLE458776 TVA458775:TVA458776 UEW458775:UEW458776 UOS458775:UOS458776 UYO458775:UYO458776 VIK458775:VIK458776 VSG458775:VSG458776 WCC458775:WCC458776 WLY458775:WLY458776 WVU458775:WVU458776 M524311:M524312 JI524311:JI524312 TE524311:TE524312 ADA524311:ADA524312 AMW524311:AMW524312 AWS524311:AWS524312 BGO524311:BGO524312 BQK524311:BQK524312 CAG524311:CAG524312 CKC524311:CKC524312 CTY524311:CTY524312 DDU524311:DDU524312 DNQ524311:DNQ524312 DXM524311:DXM524312 EHI524311:EHI524312 ERE524311:ERE524312 FBA524311:FBA524312 FKW524311:FKW524312 FUS524311:FUS524312 GEO524311:GEO524312 GOK524311:GOK524312 GYG524311:GYG524312 HIC524311:HIC524312 HRY524311:HRY524312 IBU524311:IBU524312 ILQ524311:ILQ524312 IVM524311:IVM524312 JFI524311:JFI524312 JPE524311:JPE524312 JZA524311:JZA524312 KIW524311:KIW524312 KSS524311:KSS524312 LCO524311:LCO524312 LMK524311:LMK524312 LWG524311:LWG524312 MGC524311:MGC524312 MPY524311:MPY524312 MZU524311:MZU524312 NJQ524311:NJQ524312 NTM524311:NTM524312 ODI524311:ODI524312 ONE524311:ONE524312 OXA524311:OXA524312 PGW524311:PGW524312 PQS524311:PQS524312 QAO524311:QAO524312 QKK524311:QKK524312 QUG524311:QUG524312 REC524311:REC524312 RNY524311:RNY524312 RXU524311:RXU524312 SHQ524311:SHQ524312 SRM524311:SRM524312 TBI524311:TBI524312 TLE524311:TLE524312 TVA524311:TVA524312 UEW524311:UEW524312 UOS524311:UOS524312 UYO524311:UYO524312 VIK524311:VIK524312 VSG524311:VSG524312 WCC524311:WCC524312 WLY524311:WLY524312 WVU524311:WVU524312 M589847:M589848 JI589847:JI589848 TE589847:TE589848 ADA589847:ADA589848 AMW589847:AMW589848 AWS589847:AWS589848 BGO589847:BGO589848 BQK589847:BQK589848 CAG589847:CAG589848 CKC589847:CKC589848 CTY589847:CTY589848 DDU589847:DDU589848 DNQ589847:DNQ589848 DXM589847:DXM589848 EHI589847:EHI589848 ERE589847:ERE589848 FBA589847:FBA589848 FKW589847:FKW589848 FUS589847:FUS589848 GEO589847:GEO589848 GOK589847:GOK589848 GYG589847:GYG589848 HIC589847:HIC589848 HRY589847:HRY589848 IBU589847:IBU589848 ILQ589847:ILQ589848 IVM589847:IVM589848 JFI589847:JFI589848 JPE589847:JPE589848 JZA589847:JZA589848 KIW589847:KIW589848 KSS589847:KSS589848 LCO589847:LCO589848 LMK589847:LMK589848 LWG589847:LWG589848 MGC589847:MGC589848 MPY589847:MPY589848 MZU589847:MZU589848 NJQ589847:NJQ589848 NTM589847:NTM589848 ODI589847:ODI589848 ONE589847:ONE589848 OXA589847:OXA589848 PGW589847:PGW589848 PQS589847:PQS589848 QAO589847:QAO589848 QKK589847:QKK589848 QUG589847:QUG589848 REC589847:REC589848 RNY589847:RNY589848 RXU589847:RXU589848 SHQ589847:SHQ589848 SRM589847:SRM589848 TBI589847:TBI589848 TLE589847:TLE589848 TVA589847:TVA589848 UEW589847:UEW589848 UOS589847:UOS589848 UYO589847:UYO589848 VIK589847:VIK589848 VSG589847:VSG589848 WCC589847:WCC589848 WLY589847:WLY589848 WVU589847:WVU589848 M655383:M655384 JI655383:JI655384 TE655383:TE655384 ADA655383:ADA655384 AMW655383:AMW655384 AWS655383:AWS655384 BGO655383:BGO655384 BQK655383:BQK655384 CAG655383:CAG655384 CKC655383:CKC655384 CTY655383:CTY655384 DDU655383:DDU655384 DNQ655383:DNQ655384 DXM655383:DXM655384 EHI655383:EHI655384 ERE655383:ERE655384 FBA655383:FBA655384 FKW655383:FKW655384 FUS655383:FUS655384 GEO655383:GEO655384 GOK655383:GOK655384 GYG655383:GYG655384 HIC655383:HIC655384 HRY655383:HRY655384 IBU655383:IBU655384 ILQ655383:ILQ655384 IVM655383:IVM655384 JFI655383:JFI655384 JPE655383:JPE655384 JZA655383:JZA655384 KIW655383:KIW655384 KSS655383:KSS655384 LCO655383:LCO655384 LMK655383:LMK655384 LWG655383:LWG655384 MGC655383:MGC655384 MPY655383:MPY655384 MZU655383:MZU655384 NJQ655383:NJQ655384 NTM655383:NTM655384 ODI655383:ODI655384 ONE655383:ONE655384 OXA655383:OXA655384 PGW655383:PGW655384 PQS655383:PQS655384 QAO655383:QAO655384 QKK655383:QKK655384 QUG655383:QUG655384 REC655383:REC655384 RNY655383:RNY655384 RXU655383:RXU655384 SHQ655383:SHQ655384 SRM655383:SRM655384 TBI655383:TBI655384 TLE655383:TLE655384 TVA655383:TVA655384 UEW655383:UEW655384 UOS655383:UOS655384 UYO655383:UYO655384 VIK655383:VIK655384 VSG655383:VSG655384 WCC655383:WCC655384 WLY655383:WLY655384 WVU655383:WVU655384 M720919:M720920 JI720919:JI720920 TE720919:TE720920 ADA720919:ADA720920 AMW720919:AMW720920 AWS720919:AWS720920 BGO720919:BGO720920 BQK720919:BQK720920 CAG720919:CAG720920 CKC720919:CKC720920 CTY720919:CTY720920 DDU720919:DDU720920 DNQ720919:DNQ720920 DXM720919:DXM720920 EHI720919:EHI720920 ERE720919:ERE720920 FBA720919:FBA720920 FKW720919:FKW720920 FUS720919:FUS720920 GEO720919:GEO720920 GOK720919:GOK720920 GYG720919:GYG720920 HIC720919:HIC720920 HRY720919:HRY720920 IBU720919:IBU720920 ILQ720919:ILQ720920 IVM720919:IVM720920 JFI720919:JFI720920 JPE720919:JPE720920 JZA720919:JZA720920 KIW720919:KIW720920 KSS720919:KSS720920 LCO720919:LCO720920 LMK720919:LMK720920 LWG720919:LWG720920 MGC720919:MGC720920 MPY720919:MPY720920 MZU720919:MZU720920 NJQ720919:NJQ720920 NTM720919:NTM720920 ODI720919:ODI720920 ONE720919:ONE720920 OXA720919:OXA720920 PGW720919:PGW720920 PQS720919:PQS720920 QAO720919:QAO720920 QKK720919:QKK720920 QUG720919:QUG720920 REC720919:REC720920 RNY720919:RNY720920 RXU720919:RXU720920 SHQ720919:SHQ720920 SRM720919:SRM720920 TBI720919:TBI720920 TLE720919:TLE720920 TVA720919:TVA720920 UEW720919:UEW720920 UOS720919:UOS720920 UYO720919:UYO720920 VIK720919:VIK720920 VSG720919:VSG720920 WCC720919:WCC720920 WLY720919:WLY720920 WVU720919:WVU720920 M786455:M786456 JI786455:JI786456 TE786455:TE786456 ADA786455:ADA786456 AMW786455:AMW786456 AWS786455:AWS786456 BGO786455:BGO786456 BQK786455:BQK786456 CAG786455:CAG786456 CKC786455:CKC786456 CTY786455:CTY786456 DDU786455:DDU786456 DNQ786455:DNQ786456 DXM786455:DXM786456 EHI786455:EHI786456 ERE786455:ERE786456 FBA786455:FBA786456 FKW786455:FKW786456 FUS786455:FUS786456 GEO786455:GEO786456 GOK786455:GOK786456 GYG786455:GYG786456 HIC786455:HIC786456 HRY786455:HRY786456 IBU786455:IBU786456 ILQ786455:ILQ786456 IVM786455:IVM786456 JFI786455:JFI786456 JPE786455:JPE786456 JZA786455:JZA786456 KIW786455:KIW786456 KSS786455:KSS786456 LCO786455:LCO786456 LMK786455:LMK786456 LWG786455:LWG786456 MGC786455:MGC786456 MPY786455:MPY786456 MZU786455:MZU786456 NJQ786455:NJQ786456 NTM786455:NTM786456 ODI786455:ODI786456 ONE786455:ONE786456 OXA786455:OXA786456 PGW786455:PGW786456 PQS786455:PQS786456 QAO786455:QAO786456 QKK786455:QKK786456 QUG786455:QUG786456 REC786455:REC786456 RNY786455:RNY786456 RXU786455:RXU786456 SHQ786455:SHQ786456 SRM786455:SRM786456 TBI786455:TBI786456 TLE786455:TLE786456 TVA786455:TVA786456 UEW786455:UEW786456 UOS786455:UOS786456 UYO786455:UYO786456 VIK786455:VIK786456 VSG786455:VSG786456 WCC786455:WCC786456 WLY786455:WLY786456 WVU786455:WVU786456 M851991:M851992 JI851991:JI851992 TE851991:TE851992 ADA851991:ADA851992 AMW851991:AMW851992 AWS851991:AWS851992 BGO851991:BGO851992 BQK851991:BQK851992 CAG851991:CAG851992 CKC851991:CKC851992 CTY851991:CTY851992 DDU851991:DDU851992 DNQ851991:DNQ851992 DXM851991:DXM851992 EHI851991:EHI851992 ERE851991:ERE851992 FBA851991:FBA851992 FKW851991:FKW851992 FUS851991:FUS851992 GEO851991:GEO851992 GOK851991:GOK851992 GYG851991:GYG851992 HIC851991:HIC851992 HRY851991:HRY851992 IBU851991:IBU851992 ILQ851991:ILQ851992 IVM851991:IVM851992 JFI851991:JFI851992 JPE851991:JPE851992 JZA851991:JZA851992 KIW851991:KIW851992 KSS851991:KSS851992 LCO851991:LCO851992 LMK851991:LMK851992 LWG851991:LWG851992 MGC851991:MGC851992 MPY851991:MPY851992 MZU851991:MZU851992 NJQ851991:NJQ851992 NTM851991:NTM851992 ODI851991:ODI851992 ONE851991:ONE851992 OXA851991:OXA851992 PGW851991:PGW851992 PQS851991:PQS851992 QAO851991:QAO851992 QKK851991:QKK851992 QUG851991:QUG851992 REC851991:REC851992 RNY851991:RNY851992 RXU851991:RXU851992 SHQ851991:SHQ851992 SRM851991:SRM851992 TBI851991:TBI851992 TLE851991:TLE851992 TVA851991:TVA851992 UEW851991:UEW851992 UOS851991:UOS851992 UYO851991:UYO851992 VIK851991:VIK851992 VSG851991:VSG851992 WCC851991:WCC851992 WLY851991:WLY851992 WVU851991:WVU851992 M917527:M917528 JI917527:JI917528 TE917527:TE917528 ADA917527:ADA917528 AMW917527:AMW917528 AWS917527:AWS917528 BGO917527:BGO917528 BQK917527:BQK917528 CAG917527:CAG917528 CKC917527:CKC917528 CTY917527:CTY917528 DDU917527:DDU917528 DNQ917527:DNQ917528 DXM917527:DXM917528 EHI917527:EHI917528 ERE917527:ERE917528 FBA917527:FBA917528 FKW917527:FKW917528 FUS917527:FUS917528 GEO917527:GEO917528 GOK917527:GOK917528 GYG917527:GYG917528 HIC917527:HIC917528 HRY917527:HRY917528 IBU917527:IBU917528 ILQ917527:ILQ917528 IVM917527:IVM917528 JFI917527:JFI917528 JPE917527:JPE917528 JZA917527:JZA917528 KIW917527:KIW917528 KSS917527:KSS917528 LCO917527:LCO917528 LMK917527:LMK917528 LWG917527:LWG917528 MGC917527:MGC917528 MPY917527:MPY917528 MZU917527:MZU917528 NJQ917527:NJQ917528 NTM917527:NTM917528 ODI917527:ODI917528 ONE917527:ONE917528 OXA917527:OXA917528 PGW917527:PGW917528 PQS917527:PQS917528 QAO917527:QAO917528 QKK917527:QKK917528 QUG917527:QUG917528 REC917527:REC917528 RNY917527:RNY917528 RXU917527:RXU917528 SHQ917527:SHQ917528 SRM917527:SRM917528 TBI917527:TBI917528 TLE917527:TLE917528 TVA917527:TVA917528 UEW917527:UEW917528 UOS917527:UOS917528 UYO917527:UYO917528 VIK917527:VIK917528 VSG917527:VSG917528 WCC917527:WCC917528 WLY917527:WLY917528 WVU917527:WVU917528 M983063:M983064 JI983063:JI983064 TE983063:TE983064 ADA983063:ADA983064 AMW983063:AMW983064 AWS983063:AWS983064 BGO983063:BGO983064 BQK983063:BQK983064 CAG983063:CAG983064 CKC983063:CKC983064 CTY983063:CTY983064 DDU983063:DDU983064 DNQ983063:DNQ983064 DXM983063:DXM983064 EHI983063:EHI983064 ERE983063:ERE983064 FBA983063:FBA983064 FKW983063:FKW983064 FUS983063:FUS983064 GEO983063:GEO983064 GOK983063:GOK983064 GYG983063:GYG983064 HIC983063:HIC983064 HRY983063:HRY983064 IBU983063:IBU983064 ILQ983063:ILQ983064 IVM983063:IVM983064 JFI983063:JFI983064 JPE983063:JPE983064 JZA983063:JZA983064 KIW983063:KIW983064 KSS983063:KSS983064 LCO983063:LCO983064 LMK983063:LMK983064 LWG983063:LWG983064 MGC983063:MGC983064 MPY983063:MPY983064 MZU983063:MZU983064 NJQ983063:NJQ983064 NTM983063:NTM983064 ODI983063:ODI983064 ONE983063:ONE983064 OXA983063:OXA983064 PGW983063:PGW983064 PQS983063:PQS983064 QAO983063:QAO983064 QKK983063:QKK983064 QUG983063:QUG983064 REC983063:REC983064 RNY983063:RNY983064 RXU983063:RXU983064 SHQ983063:SHQ983064 SRM983063:SRM983064 TBI983063:TBI983064 TLE983063:TLE983064 TVA983063:TVA983064 UEW983063:UEW983064 UOS983063:UOS983064 UYO983063:UYO983064 VIK983063:VIK983064 VSG983063:VSG983064 WCC983063:WCC983064 WLY983063:WLY983064 WVU983063:WVU983064" xr:uid="{00000000-0002-0000-0100-00002A000000}"/>
    <dataValidation imeMode="on" allowBlank="1" showInputMessage="1" showErrorMessage="1" promptTitle="最大ケース納品単位" prompt="最大何ケースまで納品が可能かケースを記載。商品の数量ではないので注意。_x000a__x000a_合わせ商品の場合は、単箱なのか合わせなのかわかるように記載、またエリアや季節などによって違う場合はその内容を記載してください。" sqref="J23 JF23 TB23 ACX23 AMT23 AWP23 BGL23 BQH23 CAD23 CJZ23 CTV23 DDR23 DNN23 DXJ23 EHF23 ERB23 FAX23 FKT23 FUP23 GEL23 GOH23 GYD23 HHZ23 HRV23 IBR23 ILN23 IVJ23 JFF23 JPB23 JYX23 KIT23 KSP23 LCL23 LMH23 LWD23 MFZ23 MPV23 MZR23 NJN23 NTJ23 ODF23 ONB23 OWX23 PGT23 PQP23 QAL23 QKH23 QUD23 RDZ23 RNV23 RXR23 SHN23 SRJ23 TBF23 TLB23 TUX23 UET23 UOP23 UYL23 VIH23 VSD23 WBZ23 WLV23 WVR23 J65559 JF65559 TB65559 ACX65559 AMT65559 AWP65559 BGL65559 BQH65559 CAD65559 CJZ65559 CTV65559 DDR65559 DNN65559 DXJ65559 EHF65559 ERB65559 FAX65559 FKT65559 FUP65559 GEL65559 GOH65559 GYD65559 HHZ65559 HRV65559 IBR65559 ILN65559 IVJ65559 JFF65559 JPB65559 JYX65559 KIT65559 KSP65559 LCL65559 LMH65559 LWD65559 MFZ65559 MPV65559 MZR65559 NJN65559 NTJ65559 ODF65559 ONB65559 OWX65559 PGT65559 PQP65559 QAL65559 QKH65559 QUD65559 RDZ65559 RNV65559 RXR65559 SHN65559 SRJ65559 TBF65559 TLB65559 TUX65559 UET65559 UOP65559 UYL65559 VIH65559 VSD65559 WBZ65559 WLV65559 WVR65559 J131095 JF131095 TB131095 ACX131095 AMT131095 AWP131095 BGL131095 BQH131095 CAD131095 CJZ131095 CTV131095 DDR131095 DNN131095 DXJ131095 EHF131095 ERB131095 FAX131095 FKT131095 FUP131095 GEL131095 GOH131095 GYD131095 HHZ131095 HRV131095 IBR131095 ILN131095 IVJ131095 JFF131095 JPB131095 JYX131095 KIT131095 KSP131095 LCL131095 LMH131095 LWD131095 MFZ131095 MPV131095 MZR131095 NJN131095 NTJ131095 ODF131095 ONB131095 OWX131095 PGT131095 PQP131095 QAL131095 QKH131095 QUD131095 RDZ131095 RNV131095 RXR131095 SHN131095 SRJ131095 TBF131095 TLB131095 TUX131095 UET131095 UOP131095 UYL131095 VIH131095 VSD131095 WBZ131095 WLV131095 WVR131095 J196631 JF196631 TB196631 ACX196631 AMT196631 AWP196631 BGL196631 BQH196631 CAD196631 CJZ196631 CTV196631 DDR196631 DNN196631 DXJ196631 EHF196631 ERB196631 FAX196631 FKT196631 FUP196631 GEL196631 GOH196631 GYD196631 HHZ196631 HRV196631 IBR196631 ILN196631 IVJ196631 JFF196631 JPB196631 JYX196631 KIT196631 KSP196631 LCL196631 LMH196631 LWD196631 MFZ196631 MPV196631 MZR196631 NJN196631 NTJ196631 ODF196631 ONB196631 OWX196631 PGT196631 PQP196631 QAL196631 QKH196631 QUD196631 RDZ196631 RNV196631 RXR196631 SHN196631 SRJ196631 TBF196631 TLB196631 TUX196631 UET196631 UOP196631 UYL196631 VIH196631 VSD196631 WBZ196631 WLV196631 WVR196631 J262167 JF262167 TB262167 ACX262167 AMT262167 AWP262167 BGL262167 BQH262167 CAD262167 CJZ262167 CTV262167 DDR262167 DNN262167 DXJ262167 EHF262167 ERB262167 FAX262167 FKT262167 FUP262167 GEL262167 GOH262167 GYD262167 HHZ262167 HRV262167 IBR262167 ILN262167 IVJ262167 JFF262167 JPB262167 JYX262167 KIT262167 KSP262167 LCL262167 LMH262167 LWD262167 MFZ262167 MPV262167 MZR262167 NJN262167 NTJ262167 ODF262167 ONB262167 OWX262167 PGT262167 PQP262167 QAL262167 QKH262167 QUD262167 RDZ262167 RNV262167 RXR262167 SHN262167 SRJ262167 TBF262167 TLB262167 TUX262167 UET262167 UOP262167 UYL262167 VIH262167 VSD262167 WBZ262167 WLV262167 WVR262167 J327703 JF327703 TB327703 ACX327703 AMT327703 AWP327703 BGL327703 BQH327703 CAD327703 CJZ327703 CTV327703 DDR327703 DNN327703 DXJ327703 EHF327703 ERB327703 FAX327703 FKT327703 FUP327703 GEL327703 GOH327703 GYD327703 HHZ327703 HRV327703 IBR327703 ILN327703 IVJ327703 JFF327703 JPB327703 JYX327703 KIT327703 KSP327703 LCL327703 LMH327703 LWD327703 MFZ327703 MPV327703 MZR327703 NJN327703 NTJ327703 ODF327703 ONB327703 OWX327703 PGT327703 PQP327703 QAL327703 QKH327703 QUD327703 RDZ327703 RNV327703 RXR327703 SHN327703 SRJ327703 TBF327703 TLB327703 TUX327703 UET327703 UOP327703 UYL327703 VIH327703 VSD327703 WBZ327703 WLV327703 WVR327703 J393239 JF393239 TB393239 ACX393239 AMT393239 AWP393239 BGL393239 BQH393239 CAD393239 CJZ393239 CTV393239 DDR393239 DNN393239 DXJ393239 EHF393239 ERB393239 FAX393239 FKT393239 FUP393239 GEL393239 GOH393239 GYD393239 HHZ393239 HRV393239 IBR393239 ILN393239 IVJ393239 JFF393239 JPB393239 JYX393239 KIT393239 KSP393239 LCL393239 LMH393239 LWD393239 MFZ393239 MPV393239 MZR393239 NJN393239 NTJ393239 ODF393239 ONB393239 OWX393239 PGT393239 PQP393239 QAL393239 QKH393239 QUD393239 RDZ393239 RNV393239 RXR393239 SHN393239 SRJ393239 TBF393239 TLB393239 TUX393239 UET393239 UOP393239 UYL393239 VIH393239 VSD393239 WBZ393239 WLV393239 WVR393239 J458775 JF458775 TB458775 ACX458775 AMT458775 AWP458775 BGL458775 BQH458775 CAD458775 CJZ458775 CTV458775 DDR458775 DNN458775 DXJ458775 EHF458775 ERB458775 FAX458775 FKT458775 FUP458775 GEL458775 GOH458775 GYD458775 HHZ458775 HRV458775 IBR458775 ILN458775 IVJ458775 JFF458775 JPB458775 JYX458775 KIT458775 KSP458775 LCL458775 LMH458775 LWD458775 MFZ458775 MPV458775 MZR458775 NJN458775 NTJ458775 ODF458775 ONB458775 OWX458775 PGT458775 PQP458775 QAL458775 QKH458775 QUD458775 RDZ458775 RNV458775 RXR458775 SHN458775 SRJ458775 TBF458775 TLB458775 TUX458775 UET458775 UOP458775 UYL458775 VIH458775 VSD458775 WBZ458775 WLV458775 WVR458775 J524311 JF524311 TB524311 ACX524311 AMT524311 AWP524311 BGL524311 BQH524311 CAD524311 CJZ524311 CTV524311 DDR524311 DNN524311 DXJ524311 EHF524311 ERB524311 FAX524311 FKT524311 FUP524311 GEL524311 GOH524311 GYD524311 HHZ524311 HRV524311 IBR524311 ILN524311 IVJ524311 JFF524311 JPB524311 JYX524311 KIT524311 KSP524311 LCL524311 LMH524311 LWD524311 MFZ524311 MPV524311 MZR524311 NJN524311 NTJ524311 ODF524311 ONB524311 OWX524311 PGT524311 PQP524311 QAL524311 QKH524311 QUD524311 RDZ524311 RNV524311 RXR524311 SHN524311 SRJ524311 TBF524311 TLB524311 TUX524311 UET524311 UOP524311 UYL524311 VIH524311 VSD524311 WBZ524311 WLV524311 WVR524311 J589847 JF589847 TB589847 ACX589847 AMT589847 AWP589847 BGL589847 BQH589847 CAD589847 CJZ589847 CTV589847 DDR589847 DNN589847 DXJ589847 EHF589847 ERB589847 FAX589847 FKT589847 FUP589847 GEL589847 GOH589847 GYD589847 HHZ589847 HRV589847 IBR589847 ILN589847 IVJ589847 JFF589847 JPB589847 JYX589847 KIT589847 KSP589847 LCL589847 LMH589847 LWD589847 MFZ589847 MPV589847 MZR589847 NJN589847 NTJ589847 ODF589847 ONB589847 OWX589847 PGT589847 PQP589847 QAL589847 QKH589847 QUD589847 RDZ589847 RNV589847 RXR589847 SHN589847 SRJ589847 TBF589847 TLB589847 TUX589847 UET589847 UOP589847 UYL589847 VIH589847 VSD589847 WBZ589847 WLV589847 WVR589847 J655383 JF655383 TB655383 ACX655383 AMT655383 AWP655383 BGL655383 BQH655383 CAD655383 CJZ655383 CTV655383 DDR655383 DNN655383 DXJ655383 EHF655383 ERB655383 FAX655383 FKT655383 FUP655383 GEL655383 GOH655383 GYD655383 HHZ655383 HRV655383 IBR655383 ILN655383 IVJ655383 JFF655383 JPB655383 JYX655383 KIT655383 KSP655383 LCL655383 LMH655383 LWD655383 MFZ655383 MPV655383 MZR655383 NJN655383 NTJ655383 ODF655383 ONB655383 OWX655383 PGT655383 PQP655383 QAL655383 QKH655383 QUD655383 RDZ655383 RNV655383 RXR655383 SHN655383 SRJ655383 TBF655383 TLB655383 TUX655383 UET655383 UOP655383 UYL655383 VIH655383 VSD655383 WBZ655383 WLV655383 WVR655383 J720919 JF720919 TB720919 ACX720919 AMT720919 AWP720919 BGL720919 BQH720919 CAD720919 CJZ720919 CTV720919 DDR720919 DNN720919 DXJ720919 EHF720919 ERB720919 FAX720919 FKT720919 FUP720919 GEL720919 GOH720919 GYD720919 HHZ720919 HRV720919 IBR720919 ILN720919 IVJ720919 JFF720919 JPB720919 JYX720919 KIT720919 KSP720919 LCL720919 LMH720919 LWD720919 MFZ720919 MPV720919 MZR720919 NJN720919 NTJ720919 ODF720919 ONB720919 OWX720919 PGT720919 PQP720919 QAL720919 QKH720919 QUD720919 RDZ720919 RNV720919 RXR720919 SHN720919 SRJ720919 TBF720919 TLB720919 TUX720919 UET720919 UOP720919 UYL720919 VIH720919 VSD720919 WBZ720919 WLV720919 WVR720919 J786455 JF786455 TB786455 ACX786455 AMT786455 AWP786455 BGL786455 BQH786455 CAD786455 CJZ786455 CTV786455 DDR786455 DNN786455 DXJ786455 EHF786455 ERB786455 FAX786455 FKT786455 FUP786455 GEL786455 GOH786455 GYD786455 HHZ786455 HRV786455 IBR786455 ILN786455 IVJ786455 JFF786455 JPB786455 JYX786455 KIT786455 KSP786455 LCL786455 LMH786455 LWD786455 MFZ786455 MPV786455 MZR786455 NJN786455 NTJ786455 ODF786455 ONB786455 OWX786455 PGT786455 PQP786455 QAL786455 QKH786455 QUD786455 RDZ786455 RNV786455 RXR786455 SHN786455 SRJ786455 TBF786455 TLB786455 TUX786455 UET786455 UOP786455 UYL786455 VIH786455 VSD786455 WBZ786455 WLV786455 WVR786455 J851991 JF851991 TB851991 ACX851991 AMT851991 AWP851991 BGL851991 BQH851991 CAD851991 CJZ851991 CTV851991 DDR851991 DNN851991 DXJ851991 EHF851991 ERB851991 FAX851991 FKT851991 FUP851991 GEL851991 GOH851991 GYD851991 HHZ851991 HRV851991 IBR851991 ILN851991 IVJ851991 JFF851991 JPB851991 JYX851991 KIT851991 KSP851991 LCL851991 LMH851991 LWD851991 MFZ851991 MPV851991 MZR851991 NJN851991 NTJ851991 ODF851991 ONB851991 OWX851991 PGT851991 PQP851991 QAL851991 QKH851991 QUD851991 RDZ851991 RNV851991 RXR851991 SHN851991 SRJ851991 TBF851991 TLB851991 TUX851991 UET851991 UOP851991 UYL851991 VIH851991 VSD851991 WBZ851991 WLV851991 WVR851991 J917527 JF917527 TB917527 ACX917527 AMT917527 AWP917527 BGL917527 BQH917527 CAD917527 CJZ917527 CTV917527 DDR917527 DNN917527 DXJ917527 EHF917527 ERB917527 FAX917527 FKT917527 FUP917527 GEL917527 GOH917527 GYD917527 HHZ917527 HRV917527 IBR917527 ILN917527 IVJ917527 JFF917527 JPB917527 JYX917527 KIT917527 KSP917527 LCL917527 LMH917527 LWD917527 MFZ917527 MPV917527 MZR917527 NJN917527 NTJ917527 ODF917527 ONB917527 OWX917527 PGT917527 PQP917527 QAL917527 QKH917527 QUD917527 RDZ917527 RNV917527 RXR917527 SHN917527 SRJ917527 TBF917527 TLB917527 TUX917527 UET917527 UOP917527 UYL917527 VIH917527 VSD917527 WBZ917527 WLV917527 WVR917527 J983063 JF983063 TB983063 ACX983063 AMT983063 AWP983063 BGL983063 BQH983063 CAD983063 CJZ983063 CTV983063 DDR983063 DNN983063 DXJ983063 EHF983063 ERB983063 FAX983063 FKT983063 FUP983063 GEL983063 GOH983063 GYD983063 HHZ983063 HRV983063 IBR983063 ILN983063 IVJ983063 JFF983063 JPB983063 JYX983063 KIT983063 KSP983063 LCL983063 LMH983063 LWD983063 MFZ983063 MPV983063 MZR983063 NJN983063 NTJ983063 ODF983063 ONB983063 OWX983063 PGT983063 PQP983063 QAL983063 QKH983063 QUD983063 RDZ983063 RNV983063 RXR983063 SHN983063 SRJ983063 TBF983063 TLB983063 TUX983063 UET983063 UOP983063 UYL983063 VIH983063 VSD983063 WBZ983063 WLV983063 WVR983063" xr:uid="{00000000-0002-0000-0100-00002B000000}"/>
    <dataValidation imeMode="on" allowBlank="1" showInputMessage="1" showErrorMessage="1" promptTitle="最小ケース納品単位" prompt="何ケースから納品が可能かケースを記載。商品の数量ではないので注意。_x000a__x000a_合わせ商品の場合は、単箱なのか合わせなのかわかるように記載、またエリアによって違う場合はその内容を記載してください。" sqref="N23:P24 JJ23:JL24 TF23:TH24 ADB23:ADD24 AMX23:AMZ24 AWT23:AWV24 BGP23:BGR24 BQL23:BQN24 CAH23:CAJ24 CKD23:CKF24 CTZ23:CUB24 DDV23:DDX24 DNR23:DNT24 DXN23:DXP24 EHJ23:EHL24 ERF23:ERH24 FBB23:FBD24 FKX23:FKZ24 FUT23:FUV24 GEP23:GER24 GOL23:GON24 GYH23:GYJ24 HID23:HIF24 HRZ23:HSB24 IBV23:IBX24 ILR23:ILT24 IVN23:IVP24 JFJ23:JFL24 JPF23:JPH24 JZB23:JZD24 KIX23:KIZ24 KST23:KSV24 LCP23:LCR24 LML23:LMN24 LWH23:LWJ24 MGD23:MGF24 MPZ23:MQB24 MZV23:MZX24 NJR23:NJT24 NTN23:NTP24 ODJ23:ODL24 ONF23:ONH24 OXB23:OXD24 PGX23:PGZ24 PQT23:PQV24 QAP23:QAR24 QKL23:QKN24 QUH23:QUJ24 RED23:REF24 RNZ23:ROB24 RXV23:RXX24 SHR23:SHT24 SRN23:SRP24 TBJ23:TBL24 TLF23:TLH24 TVB23:TVD24 UEX23:UEZ24 UOT23:UOV24 UYP23:UYR24 VIL23:VIN24 VSH23:VSJ24 WCD23:WCF24 WLZ23:WMB24 WVV23:WVX24 N65559:P65560 JJ65559:JL65560 TF65559:TH65560 ADB65559:ADD65560 AMX65559:AMZ65560 AWT65559:AWV65560 BGP65559:BGR65560 BQL65559:BQN65560 CAH65559:CAJ65560 CKD65559:CKF65560 CTZ65559:CUB65560 DDV65559:DDX65560 DNR65559:DNT65560 DXN65559:DXP65560 EHJ65559:EHL65560 ERF65559:ERH65560 FBB65559:FBD65560 FKX65559:FKZ65560 FUT65559:FUV65560 GEP65559:GER65560 GOL65559:GON65560 GYH65559:GYJ65560 HID65559:HIF65560 HRZ65559:HSB65560 IBV65559:IBX65560 ILR65559:ILT65560 IVN65559:IVP65560 JFJ65559:JFL65560 JPF65559:JPH65560 JZB65559:JZD65560 KIX65559:KIZ65560 KST65559:KSV65560 LCP65559:LCR65560 LML65559:LMN65560 LWH65559:LWJ65560 MGD65559:MGF65560 MPZ65559:MQB65560 MZV65559:MZX65560 NJR65559:NJT65560 NTN65559:NTP65560 ODJ65559:ODL65560 ONF65559:ONH65560 OXB65559:OXD65560 PGX65559:PGZ65560 PQT65559:PQV65560 QAP65559:QAR65560 QKL65559:QKN65560 QUH65559:QUJ65560 RED65559:REF65560 RNZ65559:ROB65560 RXV65559:RXX65560 SHR65559:SHT65560 SRN65559:SRP65560 TBJ65559:TBL65560 TLF65559:TLH65560 TVB65559:TVD65560 UEX65559:UEZ65560 UOT65559:UOV65560 UYP65559:UYR65560 VIL65559:VIN65560 VSH65559:VSJ65560 WCD65559:WCF65560 WLZ65559:WMB65560 WVV65559:WVX65560 N131095:P131096 JJ131095:JL131096 TF131095:TH131096 ADB131095:ADD131096 AMX131095:AMZ131096 AWT131095:AWV131096 BGP131095:BGR131096 BQL131095:BQN131096 CAH131095:CAJ131096 CKD131095:CKF131096 CTZ131095:CUB131096 DDV131095:DDX131096 DNR131095:DNT131096 DXN131095:DXP131096 EHJ131095:EHL131096 ERF131095:ERH131096 FBB131095:FBD131096 FKX131095:FKZ131096 FUT131095:FUV131096 GEP131095:GER131096 GOL131095:GON131096 GYH131095:GYJ131096 HID131095:HIF131096 HRZ131095:HSB131096 IBV131095:IBX131096 ILR131095:ILT131096 IVN131095:IVP131096 JFJ131095:JFL131096 JPF131095:JPH131096 JZB131095:JZD131096 KIX131095:KIZ131096 KST131095:KSV131096 LCP131095:LCR131096 LML131095:LMN131096 LWH131095:LWJ131096 MGD131095:MGF131096 MPZ131095:MQB131096 MZV131095:MZX131096 NJR131095:NJT131096 NTN131095:NTP131096 ODJ131095:ODL131096 ONF131095:ONH131096 OXB131095:OXD131096 PGX131095:PGZ131096 PQT131095:PQV131096 QAP131095:QAR131096 QKL131095:QKN131096 QUH131095:QUJ131096 RED131095:REF131096 RNZ131095:ROB131096 RXV131095:RXX131096 SHR131095:SHT131096 SRN131095:SRP131096 TBJ131095:TBL131096 TLF131095:TLH131096 TVB131095:TVD131096 UEX131095:UEZ131096 UOT131095:UOV131096 UYP131095:UYR131096 VIL131095:VIN131096 VSH131095:VSJ131096 WCD131095:WCF131096 WLZ131095:WMB131096 WVV131095:WVX131096 N196631:P196632 JJ196631:JL196632 TF196631:TH196632 ADB196631:ADD196632 AMX196631:AMZ196632 AWT196631:AWV196632 BGP196631:BGR196632 BQL196631:BQN196632 CAH196631:CAJ196632 CKD196631:CKF196632 CTZ196631:CUB196632 DDV196631:DDX196632 DNR196631:DNT196632 DXN196631:DXP196632 EHJ196631:EHL196632 ERF196631:ERH196632 FBB196631:FBD196632 FKX196631:FKZ196632 FUT196631:FUV196632 GEP196631:GER196632 GOL196631:GON196632 GYH196631:GYJ196632 HID196631:HIF196632 HRZ196631:HSB196632 IBV196631:IBX196632 ILR196631:ILT196632 IVN196631:IVP196632 JFJ196631:JFL196632 JPF196631:JPH196632 JZB196631:JZD196632 KIX196631:KIZ196632 KST196631:KSV196632 LCP196631:LCR196632 LML196631:LMN196632 LWH196631:LWJ196632 MGD196631:MGF196632 MPZ196631:MQB196632 MZV196631:MZX196632 NJR196631:NJT196632 NTN196631:NTP196632 ODJ196631:ODL196632 ONF196631:ONH196632 OXB196631:OXD196632 PGX196631:PGZ196632 PQT196631:PQV196632 QAP196631:QAR196632 QKL196631:QKN196632 QUH196631:QUJ196632 RED196631:REF196632 RNZ196631:ROB196632 RXV196631:RXX196632 SHR196631:SHT196632 SRN196631:SRP196632 TBJ196631:TBL196632 TLF196631:TLH196632 TVB196631:TVD196632 UEX196631:UEZ196632 UOT196631:UOV196632 UYP196631:UYR196632 VIL196631:VIN196632 VSH196631:VSJ196632 WCD196631:WCF196632 WLZ196631:WMB196632 WVV196631:WVX196632 N262167:P262168 JJ262167:JL262168 TF262167:TH262168 ADB262167:ADD262168 AMX262167:AMZ262168 AWT262167:AWV262168 BGP262167:BGR262168 BQL262167:BQN262168 CAH262167:CAJ262168 CKD262167:CKF262168 CTZ262167:CUB262168 DDV262167:DDX262168 DNR262167:DNT262168 DXN262167:DXP262168 EHJ262167:EHL262168 ERF262167:ERH262168 FBB262167:FBD262168 FKX262167:FKZ262168 FUT262167:FUV262168 GEP262167:GER262168 GOL262167:GON262168 GYH262167:GYJ262168 HID262167:HIF262168 HRZ262167:HSB262168 IBV262167:IBX262168 ILR262167:ILT262168 IVN262167:IVP262168 JFJ262167:JFL262168 JPF262167:JPH262168 JZB262167:JZD262168 KIX262167:KIZ262168 KST262167:KSV262168 LCP262167:LCR262168 LML262167:LMN262168 LWH262167:LWJ262168 MGD262167:MGF262168 MPZ262167:MQB262168 MZV262167:MZX262168 NJR262167:NJT262168 NTN262167:NTP262168 ODJ262167:ODL262168 ONF262167:ONH262168 OXB262167:OXD262168 PGX262167:PGZ262168 PQT262167:PQV262168 QAP262167:QAR262168 QKL262167:QKN262168 QUH262167:QUJ262168 RED262167:REF262168 RNZ262167:ROB262168 RXV262167:RXX262168 SHR262167:SHT262168 SRN262167:SRP262168 TBJ262167:TBL262168 TLF262167:TLH262168 TVB262167:TVD262168 UEX262167:UEZ262168 UOT262167:UOV262168 UYP262167:UYR262168 VIL262167:VIN262168 VSH262167:VSJ262168 WCD262167:WCF262168 WLZ262167:WMB262168 WVV262167:WVX262168 N327703:P327704 JJ327703:JL327704 TF327703:TH327704 ADB327703:ADD327704 AMX327703:AMZ327704 AWT327703:AWV327704 BGP327703:BGR327704 BQL327703:BQN327704 CAH327703:CAJ327704 CKD327703:CKF327704 CTZ327703:CUB327704 DDV327703:DDX327704 DNR327703:DNT327704 DXN327703:DXP327704 EHJ327703:EHL327704 ERF327703:ERH327704 FBB327703:FBD327704 FKX327703:FKZ327704 FUT327703:FUV327704 GEP327703:GER327704 GOL327703:GON327704 GYH327703:GYJ327704 HID327703:HIF327704 HRZ327703:HSB327704 IBV327703:IBX327704 ILR327703:ILT327704 IVN327703:IVP327704 JFJ327703:JFL327704 JPF327703:JPH327704 JZB327703:JZD327704 KIX327703:KIZ327704 KST327703:KSV327704 LCP327703:LCR327704 LML327703:LMN327704 LWH327703:LWJ327704 MGD327703:MGF327704 MPZ327703:MQB327704 MZV327703:MZX327704 NJR327703:NJT327704 NTN327703:NTP327704 ODJ327703:ODL327704 ONF327703:ONH327704 OXB327703:OXD327704 PGX327703:PGZ327704 PQT327703:PQV327704 QAP327703:QAR327704 QKL327703:QKN327704 QUH327703:QUJ327704 RED327703:REF327704 RNZ327703:ROB327704 RXV327703:RXX327704 SHR327703:SHT327704 SRN327703:SRP327704 TBJ327703:TBL327704 TLF327703:TLH327704 TVB327703:TVD327704 UEX327703:UEZ327704 UOT327703:UOV327704 UYP327703:UYR327704 VIL327703:VIN327704 VSH327703:VSJ327704 WCD327703:WCF327704 WLZ327703:WMB327704 WVV327703:WVX327704 N393239:P393240 JJ393239:JL393240 TF393239:TH393240 ADB393239:ADD393240 AMX393239:AMZ393240 AWT393239:AWV393240 BGP393239:BGR393240 BQL393239:BQN393240 CAH393239:CAJ393240 CKD393239:CKF393240 CTZ393239:CUB393240 DDV393239:DDX393240 DNR393239:DNT393240 DXN393239:DXP393240 EHJ393239:EHL393240 ERF393239:ERH393240 FBB393239:FBD393240 FKX393239:FKZ393240 FUT393239:FUV393240 GEP393239:GER393240 GOL393239:GON393240 GYH393239:GYJ393240 HID393239:HIF393240 HRZ393239:HSB393240 IBV393239:IBX393240 ILR393239:ILT393240 IVN393239:IVP393240 JFJ393239:JFL393240 JPF393239:JPH393240 JZB393239:JZD393240 KIX393239:KIZ393240 KST393239:KSV393240 LCP393239:LCR393240 LML393239:LMN393240 LWH393239:LWJ393240 MGD393239:MGF393240 MPZ393239:MQB393240 MZV393239:MZX393240 NJR393239:NJT393240 NTN393239:NTP393240 ODJ393239:ODL393240 ONF393239:ONH393240 OXB393239:OXD393240 PGX393239:PGZ393240 PQT393239:PQV393240 QAP393239:QAR393240 QKL393239:QKN393240 QUH393239:QUJ393240 RED393239:REF393240 RNZ393239:ROB393240 RXV393239:RXX393240 SHR393239:SHT393240 SRN393239:SRP393240 TBJ393239:TBL393240 TLF393239:TLH393240 TVB393239:TVD393240 UEX393239:UEZ393240 UOT393239:UOV393240 UYP393239:UYR393240 VIL393239:VIN393240 VSH393239:VSJ393240 WCD393239:WCF393240 WLZ393239:WMB393240 WVV393239:WVX393240 N458775:P458776 JJ458775:JL458776 TF458775:TH458776 ADB458775:ADD458776 AMX458775:AMZ458776 AWT458775:AWV458776 BGP458775:BGR458776 BQL458775:BQN458776 CAH458775:CAJ458776 CKD458775:CKF458776 CTZ458775:CUB458776 DDV458775:DDX458776 DNR458775:DNT458776 DXN458775:DXP458776 EHJ458775:EHL458776 ERF458775:ERH458776 FBB458775:FBD458776 FKX458775:FKZ458776 FUT458775:FUV458776 GEP458775:GER458776 GOL458775:GON458776 GYH458775:GYJ458776 HID458775:HIF458776 HRZ458775:HSB458776 IBV458775:IBX458776 ILR458775:ILT458776 IVN458775:IVP458776 JFJ458775:JFL458776 JPF458775:JPH458776 JZB458775:JZD458776 KIX458775:KIZ458776 KST458775:KSV458776 LCP458775:LCR458776 LML458775:LMN458776 LWH458775:LWJ458776 MGD458775:MGF458776 MPZ458775:MQB458776 MZV458775:MZX458776 NJR458775:NJT458776 NTN458775:NTP458776 ODJ458775:ODL458776 ONF458775:ONH458776 OXB458775:OXD458776 PGX458775:PGZ458776 PQT458775:PQV458776 QAP458775:QAR458776 QKL458775:QKN458776 QUH458775:QUJ458776 RED458775:REF458776 RNZ458775:ROB458776 RXV458775:RXX458776 SHR458775:SHT458776 SRN458775:SRP458776 TBJ458775:TBL458776 TLF458775:TLH458776 TVB458775:TVD458776 UEX458775:UEZ458776 UOT458775:UOV458776 UYP458775:UYR458776 VIL458775:VIN458776 VSH458775:VSJ458776 WCD458775:WCF458776 WLZ458775:WMB458776 WVV458775:WVX458776 N524311:P524312 JJ524311:JL524312 TF524311:TH524312 ADB524311:ADD524312 AMX524311:AMZ524312 AWT524311:AWV524312 BGP524311:BGR524312 BQL524311:BQN524312 CAH524311:CAJ524312 CKD524311:CKF524312 CTZ524311:CUB524312 DDV524311:DDX524312 DNR524311:DNT524312 DXN524311:DXP524312 EHJ524311:EHL524312 ERF524311:ERH524312 FBB524311:FBD524312 FKX524311:FKZ524312 FUT524311:FUV524312 GEP524311:GER524312 GOL524311:GON524312 GYH524311:GYJ524312 HID524311:HIF524312 HRZ524311:HSB524312 IBV524311:IBX524312 ILR524311:ILT524312 IVN524311:IVP524312 JFJ524311:JFL524312 JPF524311:JPH524312 JZB524311:JZD524312 KIX524311:KIZ524312 KST524311:KSV524312 LCP524311:LCR524312 LML524311:LMN524312 LWH524311:LWJ524312 MGD524311:MGF524312 MPZ524311:MQB524312 MZV524311:MZX524312 NJR524311:NJT524312 NTN524311:NTP524312 ODJ524311:ODL524312 ONF524311:ONH524312 OXB524311:OXD524312 PGX524311:PGZ524312 PQT524311:PQV524312 QAP524311:QAR524312 QKL524311:QKN524312 QUH524311:QUJ524312 RED524311:REF524312 RNZ524311:ROB524312 RXV524311:RXX524312 SHR524311:SHT524312 SRN524311:SRP524312 TBJ524311:TBL524312 TLF524311:TLH524312 TVB524311:TVD524312 UEX524311:UEZ524312 UOT524311:UOV524312 UYP524311:UYR524312 VIL524311:VIN524312 VSH524311:VSJ524312 WCD524311:WCF524312 WLZ524311:WMB524312 WVV524311:WVX524312 N589847:P589848 JJ589847:JL589848 TF589847:TH589848 ADB589847:ADD589848 AMX589847:AMZ589848 AWT589847:AWV589848 BGP589847:BGR589848 BQL589847:BQN589848 CAH589847:CAJ589848 CKD589847:CKF589848 CTZ589847:CUB589848 DDV589847:DDX589848 DNR589847:DNT589848 DXN589847:DXP589848 EHJ589847:EHL589848 ERF589847:ERH589848 FBB589847:FBD589848 FKX589847:FKZ589848 FUT589847:FUV589848 GEP589847:GER589848 GOL589847:GON589848 GYH589847:GYJ589848 HID589847:HIF589848 HRZ589847:HSB589848 IBV589847:IBX589848 ILR589847:ILT589848 IVN589847:IVP589848 JFJ589847:JFL589848 JPF589847:JPH589848 JZB589847:JZD589848 KIX589847:KIZ589848 KST589847:KSV589848 LCP589847:LCR589848 LML589847:LMN589848 LWH589847:LWJ589848 MGD589847:MGF589848 MPZ589847:MQB589848 MZV589847:MZX589848 NJR589847:NJT589848 NTN589847:NTP589848 ODJ589847:ODL589848 ONF589847:ONH589848 OXB589847:OXD589848 PGX589847:PGZ589848 PQT589847:PQV589848 QAP589847:QAR589848 QKL589847:QKN589848 QUH589847:QUJ589848 RED589847:REF589848 RNZ589847:ROB589848 RXV589847:RXX589848 SHR589847:SHT589848 SRN589847:SRP589848 TBJ589847:TBL589848 TLF589847:TLH589848 TVB589847:TVD589848 UEX589847:UEZ589848 UOT589847:UOV589848 UYP589847:UYR589848 VIL589847:VIN589848 VSH589847:VSJ589848 WCD589847:WCF589848 WLZ589847:WMB589848 WVV589847:WVX589848 N655383:P655384 JJ655383:JL655384 TF655383:TH655384 ADB655383:ADD655384 AMX655383:AMZ655384 AWT655383:AWV655384 BGP655383:BGR655384 BQL655383:BQN655384 CAH655383:CAJ655384 CKD655383:CKF655384 CTZ655383:CUB655384 DDV655383:DDX655384 DNR655383:DNT655384 DXN655383:DXP655384 EHJ655383:EHL655384 ERF655383:ERH655384 FBB655383:FBD655384 FKX655383:FKZ655384 FUT655383:FUV655384 GEP655383:GER655384 GOL655383:GON655384 GYH655383:GYJ655384 HID655383:HIF655384 HRZ655383:HSB655384 IBV655383:IBX655384 ILR655383:ILT655384 IVN655383:IVP655384 JFJ655383:JFL655384 JPF655383:JPH655384 JZB655383:JZD655384 KIX655383:KIZ655384 KST655383:KSV655384 LCP655383:LCR655384 LML655383:LMN655384 LWH655383:LWJ655384 MGD655383:MGF655384 MPZ655383:MQB655384 MZV655383:MZX655384 NJR655383:NJT655384 NTN655383:NTP655384 ODJ655383:ODL655384 ONF655383:ONH655384 OXB655383:OXD655384 PGX655383:PGZ655384 PQT655383:PQV655384 QAP655383:QAR655384 QKL655383:QKN655384 QUH655383:QUJ655384 RED655383:REF655384 RNZ655383:ROB655384 RXV655383:RXX655384 SHR655383:SHT655384 SRN655383:SRP655384 TBJ655383:TBL655384 TLF655383:TLH655384 TVB655383:TVD655384 UEX655383:UEZ655384 UOT655383:UOV655384 UYP655383:UYR655384 VIL655383:VIN655384 VSH655383:VSJ655384 WCD655383:WCF655384 WLZ655383:WMB655384 WVV655383:WVX655384 N720919:P720920 JJ720919:JL720920 TF720919:TH720920 ADB720919:ADD720920 AMX720919:AMZ720920 AWT720919:AWV720920 BGP720919:BGR720920 BQL720919:BQN720920 CAH720919:CAJ720920 CKD720919:CKF720920 CTZ720919:CUB720920 DDV720919:DDX720920 DNR720919:DNT720920 DXN720919:DXP720920 EHJ720919:EHL720920 ERF720919:ERH720920 FBB720919:FBD720920 FKX720919:FKZ720920 FUT720919:FUV720920 GEP720919:GER720920 GOL720919:GON720920 GYH720919:GYJ720920 HID720919:HIF720920 HRZ720919:HSB720920 IBV720919:IBX720920 ILR720919:ILT720920 IVN720919:IVP720920 JFJ720919:JFL720920 JPF720919:JPH720920 JZB720919:JZD720920 KIX720919:KIZ720920 KST720919:KSV720920 LCP720919:LCR720920 LML720919:LMN720920 LWH720919:LWJ720920 MGD720919:MGF720920 MPZ720919:MQB720920 MZV720919:MZX720920 NJR720919:NJT720920 NTN720919:NTP720920 ODJ720919:ODL720920 ONF720919:ONH720920 OXB720919:OXD720920 PGX720919:PGZ720920 PQT720919:PQV720920 QAP720919:QAR720920 QKL720919:QKN720920 QUH720919:QUJ720920 RED720919:REF720920 RNZ720919:ROB720920 RXV720919:RXX720920 SHR720919:SHT720920 SRN720919:SRP720920 TBJ720919:TBL720920 TLF720919:TLH720920 TVB720919:TVD720920 UEX720919:UEZ720920 UOT720919:UOV720920 UYP720919:UYR720920 VIL720919:VIN720920 VSH720919:VSJ720920 WCD720919:WCF720920 WLZ720919:WMB720920 WVV720919:WVX720920 N786455:P786456 JJ786455:JL786456 TF786455:TH786456 ADB786455:ADD786456 AMX786455:AMZ786456 AWT786455:AWV786456 BGP786455:BGR786456 BQL786455:BQN786456 CAH786455:CAJ786456 CKD786455:CKF786456 CTZ786455:CUB786456 DDV786455:DDX786456 DNR786455:DNT786456 DXN786455:DXP786456 EHJ786455:EHL786456 ERF786455:ERH786456 FBB786455:FBD786456 FKX786455:FKZ786456 FUT786455:FUV786456 GEP786455:GER786456 GOL786455:GON786456 GYH786455:GYJ786456 HID786455:HIF786456 HRZ786455:HSB786456 IBV786455:IBX786456 ILR786455:ILT786456 IVN786455:IVP786456 JFJ786455:JFL786456 JPF786455:JPH786456 JZB786455:JZD786456 KIX786455:KIZ786456 KST786455:KSV786456 LCP786455:LCR786456 LML786455:LMN786456 LWH786455:LWJ786456 MGD786455:MGF786456 MPZ786455:MQB786456 MZV786455:MZX786456 NJR786455:NJT786456 NTN786455:NTP786456 ODJ786455:ODL786456 ONF786455:ONH786456 OXB786455:OXD786456 PGX786455:PGZ786456 PQT786455:PQV786456 QAP786455:QAR786456 QKL786455:QKN786456 QUH786455:QUJ786456 RED786455:REF786456 RNZ786455:ROB786456 RXV786455:RXX786456 SHR786455:SHT786456 SRN786455:SRP786456 TBJ786455:TBL786456 TLF786455:TLH786456 TVB786455:TVD786456 UEX786455:UEZ786456 UOT786455:UOV786456 UYP786455:UYR786456 VIL786455:VIN786456 VSH786455:VSJ786456 WCD786455:WCF786456 WLZ786455:WMB786456 WVV786455:WVX786456 N851991:P851992 JJ851991:JL851992 TF851991:TH851992 ADB851991:ADD851992 AMX851991:AMZ851992 AWT851991:AWV851992 BGP851991:BGR851992 BQL851991:BQN851992 CAH851991:CAJ851992 CKD851991:CKF851992 CTZ851991:CUB851992 DDV851991:DDX851992 DNR851991:DNT851992 DXN851991:DXP851992 EHJ851991:EHL851992 ERF851991:ERH851992 FBB851991:FBD851992 FKX851991:FKZ851992 FUT851991:FUV851992 GEP851991:GER851992 GOL851991:GON851992 GYH851991:GYJ851992 HID851991:HIF851992 HRZ851991:HSB851992 IBV851991:IBX851992 ILR851991:ILT851992 IVN851991:IVP851992 JFJ851991:JFL851992 JPF851991:JPH851992 JZB851991:JZD851992 KIX851991:KIZ851992 KST851991:KSV851992 LCP851991:LCR851992 LML851991:LMN851992 LWH851991:LWJ851992 MGD851991:MGF851992 MPZ851991:MQB851992 MZV851991:MZX851992 NJR851991:NJT851992 NTN851991:NTP851992 ODJ851991:ODL851992 ONF851991:ONH851992 OXB851991:OXD851992 PGX851991:PGZ851992 PQT851991:PQV851992 QAP851991:QAR851992 QKL851991:QKN851992 QUH851991:QUJ851992 RED851991:REF851992 RNZ851991:ROB851992 RXV851991:RXX851992 SHR851991:SHT851992 SRN851991:SRP851992 TBJ851991:TBL851992 TLF851991:TLH851992 TVB851991:TVD851992 UEX851991:UEZ851992 UOT851991:UOV851992 UYP851991:UYR851992 VIL851991:VIN851992 VSH851991:VSJ851992 WCD851991:WCF851992 WLZ851991:WMB851992 WVV851991:WVX851992 N917527:P917528 JJ917527:JL917528 TF917527:TH917528 ADB917527:ADD917528 AMX917527:AMZ917528 AWT917527:AWV917528 BGP917527:BGR917528 BQL917527:BQN917528 CAH917527:CAJ917528 CKD917527:CKF917528 CTZ917527:CUB917528 DDV917527:DDX917528 DNR917527:DNT917528 DXN917527:DXP917528 EHJ917527:EHL917528 ERF917527:ERH917528 FBB917527:FBD917528 FKX917527:FKZ917528 FUT917527:FUV917528 GEP917527:GER917528 GOL917527:GON917528 GYH917527:GYJ917528 HID917527:HIF917528 HRZ917527:HSB917528 IBV917527:IBX917528 ILR917527:ILT917528 IVN917527:IVP917528 JFJ917527:JFL917528 JPF917527:JPH917528 JZB917527:JZD917528 KIX917527:KIZ917528 KST917527:KSV917528 LCP917527:LCR917528 LML917527:LMN917528 LWH917527:LWJ917528 MGD917527:MGF917528 MPZ917527:MQB917528 MZV917527:MZX917528 NJR917527:NJT917528 NTN917527:NTP917528 ODJ917527:ODL917528 ONF917527:ONH917528 OXB917527:OXD917528 PGX917527:PGZ917528 PQT917527:PQV917528 QAP917527:QAR917528 QKL917527:QKN917528 QUH917527:QUJ917528 RED917527:REF917528 RNZ917527:ROB917528 RXV917527:RXX917528 SHR917527:SHT917528 SRN917527:SRP917528 TBJ917527:TBL917528 TLF917527:TLH917528 TVB917527:TVD917528 UEX917527:UEZ917528 UOT917527:UOV917528 UYP917527:UYR917528 VIL917527:VIN917528 VSH917527:VSJ917528 WCD917527:WCF917528 WLZ917527:WMB917528 WVV917527:WVX917528 N983063:P983064 JJ983063:JL983064 TF983063:TH983064 ADB983063:ADD983064 AMX983063:AMZ983064 AWT983063:AWV983064 BGP983063:BGR983064 BQL983063:BQN983064 CAH983063:CAJ983064 CKD983063:CKF983064 CTZ983063:CUB983064 DDV983063:DDX983064 DNR983063:DNT983064 DXN983063:DXP983064 EHJ983063:EHL983064 ERF983063:ERH983064 FBB983063:FBD983064 FKX983063:FKZ983064 FUT983063:FUV983064 GEP983063:GER983064 GOL983063:GON983064 GYH983063:GYJ983064 HID983063:HIF983064 HRZ983063:HSB983064 IBV983063:IBX983064 ILR983063:ILT983064 IVN983063:IVP983064 JFJ983063:JFL983064 JPF983063:JPH983064 JZB983063:JZD983064 KIX983063:KIZ983064 KST983063:KSV983064 LCP983063:LCR983064 LML983063:LMN983064 LWH983063:LWJ983064 MGD983063:MGF983064 MPZ983063:MQB983064 MZV983063:MZX983064 NJR983063:NJT983064 NTN983063:NTP983064 ODJ983063:ODL983064 ONF983063:ONH983064 OXB983063:OXD983064 PGX983063:PGZ983064 PQT983063:PQV983064 QAP983063:QAR983064 QKL983063:QKN983064 QUH983063:QUJ983064 RED983063:REF983064 RNZ983063:ROB983064 RXV983063:RXX983064 SHR983063:SHT983064 SRN983063:SRP983064 TBJ983063:TBL983064 TLF983063:TLH983064 TVB983063:TVD983064 UEX983063:UEZ983064 UOT983063:UOV983064 UYP983063:UYR983064 VIL983063:VIN983064 VSH983063:VSJ983064 WCD983063:WCF983064 WLZ983063:WMB983064 WVV983063:WVX983064" xr:uid="{00000000-0002-0000-0100-00002C000000}"/>
  </dataValidations>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sizeWithCells="1">
                  <from>
                    <xdr:col>19</xdr:col>
                    <xdr:colOff>50800</xdr:colOff>
                    <xdr:row>65</xdr:row>
                    <xdr:rowOff>0</xdr:rowOff>
                  </from>
                  <to>
                    <xdr:col>20</xdr:col>
                    <xdr:colOff>254000</xdr:colOff>
                    <xdr:row>66</xdr:row>
                    <xdr:rowOff>2540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sizeWithCells="1">
                  <from>
                    <xdr:col>20</xdr:col>
                    <xdr:colOff>342900</xdr:colOff>
                    <xdr:row>65</xdr:row>
                    <xdr:rowOff>0</xdr:rowOff>
                  </from>
                  <to>
                    <xdr:col>22</xdr:col>
                    <xdr:colOff>241300</xdr:colOff>
                    <xdr:row>66</xdr:row>
                    <xdr:rowOff>25400</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sizeWithCells="1">
                  <from>
                    <xdr:col>22</xdr:col>
                    <xdr:colOff>336550</xdr:colOff>
                    <xdr:row>65</xdr:row>
                    <xdr:rowOff>0</xdr:rowOff>
                  </from>
                  <to>
                    <xdr:col>24</xdr:col>
                    <xdr:colOff>279400</xdr:colOff>
                    <xdr:row>66</xdr:row>
                    <xdr:rowOff>25400</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sizeWithCells="1">
                  <from>
                    <xdr:col>25</xdr:col>
                    <xdr:colOff>12700</xdr:colOff>
                    <xdr:row>65</xdr:row>
                    <xdr:rowOff>0</xdr:rowOff>
                  </from>
                  <to>
                    <xdr:col>26</xdr:col>
                    <xdr:colOff>330200</xdr:colOff>
                    <xdr:row>66</xdr:row>
                    <xdr:rowOff>12700</xdr:rowOff>
                  </to>
                </anchor>
              </controlPr>
            </control>
          </mc:Choice>
        </mc:AlternateContent>
        <mc:AlternateContent xmlns:mc="http://schemas.openxmlformats.org/markup-compatibility/2006">
          <mc:Choice Requires="x14">
            <control shapeId="2053" r:id="rId8" name="Check Box 5">
              <controlPr defaultSize="0" autoFill="0" autoLine="0" autoPict="0">
                <anchor moveWithCells="1" sizeWithCells="1">
                  <from>
                    <xdr:col>27</xdr:col>
                    <xdr:colOff>101600</xdr:colOff>
                    <xdr:row>65</xdr:row>
                    <xdr:rowOff>0</xdr:rowOff>
                  </from>
                  <to>
                    <xdr:col>28</xdr:col>
                    <xdr:colOff>355600</xdr:colOff>
                    <xdr:row>66</xdr:row>
                    <xdr:rowOff>25400</xdr:rowOff>
                  </to>
                </anchor>
              </controlPr>
            </control>
          </mc:Choice>
        </mc:AlternateContent>
        <mc:AlternateContent xmlns:mc="http://schemas.openxmlformats.org/markup-compatibility/2006">
          <mc:Choice Requires="x14">
            <control shapeId="2054" r:id="rId9" name="Check Box 6">
              <controlPr defaultSize="0" autoFill="0" autoLine="0" autoPict="0">
                <anchor moveWithCells="1" sizeWithCells="1">
                  <from>
                    <xdr:col>19</xdr:col>
                    <xdr:colOff>50800</xdr:colOff>
                    <xdr:row>65</xdr:row>
                    <xdr:rowOff>177800</xdr:rowOff>
                  </from>
                  <to>
                    <xdr:col>20</xdr:col>
                    <xdr:colOff>127000</xdr:colOff>
                    <xdr:row>66</xdr:row>
                    <xdr:rowOff>146050</xdr:rowOff>
                  </to>
                </anchor>
              </controlPr>
            </control>
          </mc:Choice>
        </mc:AlternateContent>
        <mc:AlternateContent xmlns:mc="http://schemas.openxmlformats.org/markup-compatibility/2006">
          <mc:Choice Requires="x14">
            <control shapeId="2055" r:id="rId10" name="Check Box 7">
              <controlPr defaultSize="0" autoFill="0" autoLine="0" autoPict="0">
                <anchor moveWithCells="1" sizeWithCells="1">
                  <from>
                    <xdr:col>20</xdr:col>
                    <xdr:colOff>184150</xdr:colOff>
                    <xdr:row>65</xdr:row>
                    <xdr:rowOff>177800</xdr:rowOff>
                  </from>
                  <to>
                    <xdr:col>22</xdr:col>
                    <xdr:colOff>165100</xdr:colOff>
                    <xdr:row>67</xdr:row>
                    <xdr:rowOff>0</xdr:rowOff>
                  </to>
                </anchor>
              </controlPr>
            </control>
          </mc:Choice>
        </mc:AlternateContent>
        <mc:AlternateContent xmlns:mc="http://schemas.openxmlformats.org/markup-compatibility/2006">
          <mc:Choice Requires="x14">
            <control shapeId="2056" r:id="rId11" name="Check Box 8">
              <controlPr defaultSize="0" autoFill="0" autoLine="0" autoPict="0">
                <anchor moveWithCells="1" sizeWithCells="1">
                  <from>
                    <xdr:col>20</xdr:col>
                    <xdr:colOff>165100</xdr:colOff>
                    <xdr:row>69</xdr:row>
                    <xdr:rowOff>165100</xdr:rowOff>
                  </from>
                  <to>
                    <xdr:col>22</xdr:col>
                    <xdr:colOff>114300</xdr:colOff>
                    <xdr:row>71</xdr:row>
                    <xdr:rowOff>0</xdr:rowOff>
                  </to>
                </anchor>
              </controlPr>
            </control>
          </mc:Choice>
        </mc:AlternateContent>
        <mc:AlternateContent xmlns:mc="http://schemas.openxmlformats.org/markup-compatibility/2006">
          <mc:Choice Requires="x14">
            <control shapeId="2057" r:id="rId12" name="Check Box 9">
              <controlPr defaultSize="0" autoFill="0" autoLine="0" autoPict="0">
                <anchor moveWithCells="1" sizeWithCells="1">
                  <from>
                    <xdr:col>20</xdr:col>
                    <xdr:colOff>152400</xdr:colOff>
                    <xdr:row>69</xdr:row>
                    <xdr:rowOff>12700</xdr:rowOff>
                  </from>
                  <to>
                    <xdr:col>21</xdr:col>
                    <xdr:colOff>336550</xdr:colOff>
                    <xdr:row>69</xdr:row>
                    <xdr:rowOff>184150</xdr:rowOff>
                  </to>
                </anchor>
              </controlPr>
            </control>
          </mc:Choice>
        </mc:AlternateContent>
        <mc:AlternateContent xmlns:mc="http://schemas.openxmlformats.org/markup-compatibility/2006">
          <mc:Choice Requires="x14">
            <control shapeId="2058" r:id="rId13" name="Check Box 10">
              <controlPr defaultSize="0" autoFill="0" autoLine="0" autoPict="0">
                <anchor moveWithCells="1" sizeWithCells="1">
                  <from>
                    <xdr:col>23</xdr:col>
                    <xdr:colOff>266700</xdr:colOff>
                    <xdr:row>67</xdr:row>
                    <xdr:rowOff>184150</xdr:rowOff>
                  </from>
                  <to>
                    <xdr:col>25</xdr:col>
                    <xdr:colOff>203200</xdr:colOff>
                    <xdr:row>69</xdr:row>
                    <xdr:rowOff>12700</xdr:rowOff>
                  </to>
                </anchor>
              </controlPr>
            </control>
          </mc:Choice>
        </mc:AlternateContent>
        <mc:AlternateContent xmlns:mc="http://schemas.openxmlformats.org/markup-compatibility/2006">
          <mc:Choice Requires="x14">
            <control shapeId="2059" r:id="rId14" name="Check Box 11">
              <controlPr defaultSize="0" autoFill="0" autoLine="0" autoPict="0">
                <anchor moveWithCells="1" sizeWithCells="1">
                  <from>
                    <xdr:col>19</xdr:col>
                    <xdr:colOff>50800</xdr:colOff>
                    <xdr:row>67</xdr:row>
                    <xdr:rowOff>184150</xdr:rowOff>
                  </from>
                  <to>
                    <xdr:col>21</xdr:col>
                    <xdr:colOff>355600</xdr:colOff>
                    <xdr:row>69</xdr:row>
                    <xdr:rowOff>25400</xdr:rowOff>
                  </to>
                </anchor>
              </controlPr>
            </control>
          </mc:Choice>
        </mc:AlternateContent>
        <mc:AlternateContent xmlns:mc="http://schemas.openxmlformats.org/markup-compatibility/2006">
          <mc:Choice Requires="x14">
            <control shapeId="2060" r:id="rId15" name="Check Box 12">
              <controlPr defaultSize="0" autoFill="0" autoLine="0" autoPict="0">
                <anchor moveWithCells="1" sizeWithCells="1">
                  <from>
                    <xdr:col>23</xdr:col>
                    <xdr:colOff>260350</xdr:colOff>
                    <xdr:row>69</xdr:row>
                    <xdr:rowOff>0</xdr:rowOff>
                  </from>
                  <to>
                    <xdr:col>25</xdr:col>
                    <xdr:colOff>127000</xdr:colOff>
                    <xdr:row>70</xdr:row>
                    <xdr:rowOff>12700</xdr:rowOff>
                  </to>
                </anchor>
              </controlPr>
            </control>
          </mc:Choice>
        </mc:AlternateContent>
        <mc:AlternateContent xmlns:mc="http://schemas.openxmlformats.org/markup-compatibility/2006">
          <mc:Choice Requires="x14">
            <control shapeId="2061" r:id="rId16" name="Check Box 13">
              <controlPr defaultSize="0" autoFill="0" autoLine="0" autoPict="0">
                <anchor moveWithCells="1" sizeWithCells="1">
                  <from>
                    <xdr:col>19</xdr:col>
                    <xdr:colOff>50800</xdr:colOff>
                    <xdr:row>68</xdr:row>
                    <xdr:rowOff>184150</xdr:rowOff>
                  </from>
                  <to>
                    <xdr:col>20</xdr:col>
                    <xdr:colOff>146050</xdr:colOff>
                    <xdr:row>70</xdr:row>
                    <xdr:rowOff>0</xdr:rowOff>
                  </to>
                </anchor>
              </controlPr>
            </control>
          </mc:Choice>
        </mc:AlternateContent>
        <mc:AlternateContent xmlns:mc="http://schemas.openxmlformats.org/markup-compatibility/2006">
          <mc:Choice Requires="x14">
            <control shapeId="2062" r:id="rId17" name="Check Box 14">
              <controlPr defaultSize="0" autoFill="0" autoLine="0" autoPict="0">
                <anchor moveWithCells="1" sizeWithCells="1">
                  <from>
                    <xdr:col>19</xdr:col>
                    <xdr:colOff>50800</xdr:colOff>
                    <xdr:row>69</xdr:row>
                    <xdr:rowOff>184150</xdr:rowOff>
                  </from>
                  <to>
                    <xdr:col>20</xdr:col>
                    <xdr:colOff>165100</xdr:colOff>
                    <xdr:row>70</xdr:row>
                    <xdr:rowOff>184150</xdr:rowOff>
                  </to>
                </anchor>
              </controlPr>
            </control>
          </mc:Choice>
        </mc:AlternateContent>
        <mc:AlternateContent xmlns:mc="http://schemas.openxmlformats.org/markup-compatibility/2006">
          <mc:Choice Requires="x14">
            <control shapeId="2063" r:id="rId18" name="Check Box 15">
              <controlPr defaultSize="0" autoFill="0" autoLine="0" autoPict="0">
                <anchor moveWithCells="1" sizeWithCells="1">
                  <from>
                    <xdr:col>25</xdr:col>
                    <xdr:colOff>266700</xdr:colOff>
                    <xdr:row>67</xdr:row>
                    <xdr:rowOff>184150</xdr:rowOff>
                  </from>
                  <to>
                    <xdr:col>27</xdr:col>
                    <xdr:colOff>215900</xdr:colOff>
                    <xdr:row>69</xdr:row>
                    <xdr:rowOff>12700</xdr:rowOff>
                  </to>
                </anchor>
              </controlPr>
            </control>
          </mc:Choice>
        </mc:AlternateContent>
        <mc:AlternateContent xmlns:mc="http://schemas.openxmlformats.org/markup-compatibility/2006">
          <mc:Choice Requires="x14">
            <control shapeId="2064" r:id="rId19" name="Check Box 16">
              <controlPr defaultSize="0" autoFill="0" autoLine="0" autoPict="0">
                <anchor moveWithCells="1" sizeWithCells="1">
                  <from>
                    <xdr:col>27</xdr:col>
                    <xdr:colOff>190500</xdr:colOff>
                    <xdr:row>67</xdr:row>
                    <xdr:rowOff>184150</xdr:rowOff>
                  </from>
                  <to>
                    <xdr:col>28</xdr:col>
                    <xdr:colOff>298450</xdr:colOff>
                    <xdr:row>69</xdr:row>
                    <xdr:rowOff>12700</xdr:rowOff>
                  </to>
                </anchor>
              </controlPr>
            </control>
          </mc:Choice>
        </mc:AlternateContent>
        <mc:AlternateContent xmlns:mc="http://schemas.openxmlformats.org/markup-compatibility/2006">
          <mc:Choice Requires="x14">
            <control shapeId="2065" r:id="rId20" name="Check Box 17">
              <controlPr defaultSize="0" autoFill="0" autoLine="0" autoPict="0">
                <anchor moveWithCells="1" sizeWithCells="1">
                  <from>
                    <xdr:col>20</xdr:col>
                    <xdr:colOff>304800</xdr:colOff>
                    <xdr:row>67</xdr:row>
                    <xdr:rowOff>0</xdr:rowOff>
                  </from>
                  <to>
                    <xdr:col>22</xdr:col>
                    <xdr:colOff>222250</xdr:colOff>
                    <xdr:row>68</xdr:row>
                    <xdr:rowOff>31750</xdr:rowOff>
                  </to>
                </anchor>
              </controlPr>
            </control>
          </mc:Choice>
        </mc:AlternateContent>
        <mc:AlternateContent xmlns:mc="http://schemas.openxmlformats.org/markup-compatibility/2006">
          <mc:Choice Requires="x14">
            <control shapeId="2066" r:id="rId21" name="Check Box 18">
              <controlPr defaultSize="0" autoFill="0" autoLine="0" autoPict="0">
                <anchor moveWithCells="1" sizeWithCells="1">
                  <from>
                    <xdr:col>21</xdr:col>
                    <xdr:colOff>355600</xdr:colOff>
                    <xdr:row>69</xdr:row>
                    <xdr:rowOff>0</xdr:rowOff>
                  </from>
                  <to>
                    <xdr:col>23</xdr:col>
                    <xdr:colOff>266700</xdr:colOff>
                    <xdr:row>70</xdr:row>
                    <xdr:rowOff>25400</xdr:rowOff>
                  </to>
                </anchor>
              </controlPr>
            </control>
          </mc:Choice>
        </mc:AlternateContent>
        <mc:AlternateContent xmlns:mc="http://schemas.openxmlformats.org/markup-compatibility/2006">
          <mc:Choice Requires="x14">
            <control shapeId="2067" r:id="rId22" name="Check Box 19">
              <controlPr defaultSize="0" autoFill="0" autoLine="0" autoPict="0">
                <anchor moveWithCells="1" sizeWithCells="1">
                  <from>
                    <xdr:col>22</xdr:col>
                    <xdr:colOff>146050</xdr:colOff>
                    <xdr:row>69</xdr:row>
                    <xdr:rowOff>152400</xdr:rowOff>
                  </from>
                  <to>
                    <xdr:col>24</xdr:col>
                    <xdr:colOff>12700</xdr:colOff>
                    <xdr:row>71</xdr:row>
                    <xdr:rowOff>12700</xdr:rowOff>
                  </to>
                </anchor>
              </controlPr>
            </control>
          </mc:Choice>
        </mc:AlternateContent>
        <mc:AlternateContent xmlns:mc="http://schemas.openxmlformats.org/markup-compatibility/2006">
          <mc:Choice Requires="x14">
            <control shapeId="2068" r:id="rId23" name="Check Box 20">
              <controlPr defaultSize="0" autoFill="0" autoLine="0" autoPict="0">
                <anchor moveWithCells="1" sizeWithCells="1">
                  <from>
                    <xdr:col>26</xdr:col>
                    <xdr:colOff>304800</xdr:colOff>
                    <xdr:row>68</xdr:row>
                    <xdr:rowOff>184150</xdr:rowOff>
                  </from>
                  <to>
                    <xdr:col>28</xdr:col>
                    <xdr:colOff>330200</xdr:colOff>
                    <xdr:row>70</xdr:row>
                    <xdr:rowOff>25400</xdr:rowOff>
                  </to>
                </anchor>
              </controlPr>
            </control>
          </mc:Choice>
        </mc:AlternateContent>
        <mc:AlternateContent xmlns:mc="http://schemas.openxmlformats.org/markup-compatibility/2006">
          <mc:Choice Requires="x14">
            <control shapeId="2069" r:id="rId24" name="Check Box 21">
              <controlPr defaultSize="0" autoFill="0" autoLine="0" autoPict="0">
                <anchor moveWithCells="1" sizeWithCells="1">
                  <from>
                    <xdr:col>24</xdr:col>
                    <xdr:colOff>107950</xdr:colOff>
                    <xdr:row>67</xdr:row>
                    <xdr:rowOff>0</xdr:rowOff>
                  </from>
                  <to>
                    <xdr:col>26</xdr:col>
                    <xdr:colOff>127000</xdr:colOff>
                    <xdr:row>68</xdr:row>
                    <xdr:rowOff>31750</xdr:rowOff>
                  </to>
                </anchor>
              </controlPr>
            </control>
          </mc:Choice>
        </mc:AlternateContent>
        <mc:AlternateContent xmlns:mc="http://schemas.openxmlformats.org/markup-compatibility/2006">
          <mc:Choice Requires="x14">
            <control shapeId="2070" r:id="rId25" name="Check Box 22">
              <controlPr defaultSize="0" autoFill="0" autoLine="0" autoPict="0">
                <anchor moveWithCells="1" sizeWithCells="1">
                  <from>
                    <xdr:col>21</xdr:col>
                    <xdr:colOff>355600</xdr:colOff>
                    <xdr:row>67</xdr:row>
                    <xdr:rowOff>184150</xdr:rowOff>
                  </from>
                  <to>
                    <xdr:col>23</xdr:col>
                    <xdr:colOff>292100</xdr:colOff>
                    <xdr:row>69</xdr:row>
                    <xdr:rowOff>12700</xdr:rowOff>
                  </to>
                </anchor>
              </controlPr>
            </control>
          </mc:Choice>
        </mc:AlternateContent>
        <mc:AlternateContent xmlns:mc="http://schemas.openxmlformats.org/markup-compatibility/2006">
          <mc:Choice Requires="x14">
            <control shapeId="2071" r:id="rId26" name="Check Box 23">
              <controlPr defaultSize="0" autoFill="0" autoLine="0" autoPict="0">
                <anchor moveWithCells="1" sizeWithCells="1">
                  <from>
                    <xdr:col>25</xdr:col>
                    <xdr:colOff>139700</xdr:colOff>
                    <xdr:row>69</xdr:row>
                    <xdr:rowOff>12700</xdr:rowOff>
                  </from>
                  <to>
                    <xdr:col>26</xdr:col>
                    <xdr:colOff>317500</xdr:colOff>
                    <xdr:row>70</xdr:row>
                    <xdr:rowOff>31750</xdr:rowOff>
                  </to>
                </anchor>
              </controlPr>
            </control>
          </mc:Choice>
        </mc:AlternateContent>
        <mc:AlternateContent xmlns:mc="http://schemas.openxmlformats.org/markup-compatibility/2006">
          <mc:Choice Requires="x14">
            <control shapeId="2072" r:id="rId27" name="Check Box 24">
              <controlPr defaultSize="0" autoFill="0" autoLine="0" autoPict="0">
                <anchor moveWithCells="1" sizeWithCells="1">
                  <from>
                    <xdr:col>24</xdr:col>
                    <xdr:colOff>38100</xdr:colOff>
                    <xdr:row>69</xdr:row>
                    <xdr:rowOff>177800</xdr:rowOff>
                  </from>
                  <to>
                    <xdr:col>25</xdr:col>
                    <xdr:colOff>355600</xdr:colOff>
                    <xdr:row>71</xdr:row>
                    <xdr:rowOff>12700</xdr:rowOff>
                  </to>
                </anchor>
              </controlPr>
            </control>
          </mc:Choice>
        </mc:AlternateContent>
        <mc:AlternateContent xmlns:mc="http://schemas.openxmlformats.org/markup-compatibility/2006">
          <mc:Choice Requires="x14">
            <control shapeId="2073" r:id="rId28" name="Check Box 25">
              <controlPr defaultSize="0" autoFill="0" autoLine="0" autoPict="0">
                <anchor moveWithCells="1" sizeWithCells="1">
                  <from>
                    <xdr:col>26</xdr:col>
                    <xdr:colOff>139700</xdr:colOff>
                    <xdr:row>67</xdr:row>
                    <xdr:rowOff>0</xdr:rowOff>
                  </from>
                  <to>
                    <xdr:col>28</xdr:col>
                    <xdr:colOff>298450</xdr:colOff>
                    <xdr:row>68</xdr:row>
                    <xdr:rowOff>31750</xdr:rowOff>
                  </to>
                </anchor>
              </controlPr>
            </control>
          </mc:Choice>
        </mc:AlternateContent>
        <mc:AlternateContent xmlns:mc="http://schemas.openxmlformats.org/markup-compatibility/2006">
          <mc:Choice Requires="x14">
            <control shapeId="2074" r:id="rId29" name="Check Box 26">
              <controlPr defaultSize="0" autoFill="0" autoLine="0" autoPict="0">
                <anchor moveWithCells="1" sizeWithCells="1">
                  <from>
                    <xdr:col>19</xdr:col>
                    <xdr:colOff>50800</xdr:colOff>
                    <xdr:row>67</xdr:row>
                    <xdr:rowOff>0</xdr:rowOff>
                  </from>
                  <to>
                    <xdr:col>20</xdr:col>
                    <xdr:colOff>241300</xdr:colOff>
                    <xdr:row>68</xdr:row>
                    <xdr:rowOff>25400</xdr:rowOff>
                  </to>
                </anchor>
              </controlPr>
            </control>
          </mc:Choice>
        </mc:AlternateContent>
        <mc:AlternateContent xmlns:mc="http://schemas.openxmlformats.org/markup-compatibility/2006">
          <mc:Choice Requires="x14">
            <control shapeId="2075" r:id="rId30" name="Check Box 27">
              <controlPr defaultSize="0" autoFill="0" autoLine="0" autoPict="0">
                <anchor moveWithCells="1" sizeWithCells="1">
                  <from>
                    <xdr:col>22</xdr:col>
                    <xdr:colOff>203200</xdr:colOff>
                    <xdr:row>67</xdr:row>
                    <xdr:rowOff>0</xdr:rowOff>
                  </from>
                  <to>
                    <xdr:col>24</xdr:col>
                    <xdr:colOff>107950</xdr:colOff>
                    <xdr:row>68</xdr:row>
                    <xdr:rowOff>31750</xdr:rowOff>
                  </to>
                </anchor>
              </controlPr>
            </control>
          </mc:Choice>
        </mc:AlternateContent>
        <mc:AlternateContent xmlns:mc="http://schemas.openxmlformats.org/markup-compatibility/2006">
          <mc:Choice Requires="x14">
            <control shapeId="2076" r:id="rId31" name="Check Box 28">
              <controlPr defaultSize="0" autoFill="0" autoLine="0" autoPict="0">
                <anchor moveWithCells="1" sizeWithCells="1">
                  <from>
                    <xdr:col>8</xdr:col>
                    <xdr:colOff>63500</xdr:colOff>
                    <xdr:row>24</xdr:row>
                    <xdr:rowOff>101600</xdr:rowOff>
                  </from>
                  <to>
                    <xdr:col>10</xdr:col>
                    <xdr:colOff>76200</xdr:colOff>
                    <xdr:row>25</xdr:row>
                    <xdr:rowOff>127000</xdr:rowOff>
                  </to>
                </anchor>
              </controlPr>
            </control>
          </mc:Choice>
        </mc:AlternateContent>
        <mc:AlternateContent xmlns:mc="http://schemas.openxmlformats.org/markup-compatibility/2006">
          <mc:Choice Requires="x14">
            <control shapeId="2077" r:id="rId32" name="Check Box 29">
              <controlPr defaultSize="0" autoFill="0" autoLine="0" autoPict="0">
                <anchor moveWithCells="1" sizeWithCells="1">
                  <from>
                    <xdr:col>11</xdr:col>
                    <xdr:colOff>342900</xdr:colOff>
                    <xdr:row>24</xdr:row>
                    <xdr:rowOff>76200</xdr:rowOff>
                  </from>
                  <to>
                    <xdr:col>13</xdr:col>
                    <xdr:colOff>330200</xdr:colOff>
                    <xdr:row>25</xdr:row>
                    <xdr:rowOff>139700</xdr:rowOff>
                  </to>
                </anchor>
              </controlPr>
            </control>
          </mc:Choice>
        </mc:AlternateContent>
        <mc:AlternateContent xmlns:mc="http://schemas.openxmlformats.org/markup-compatibility/2006">
          <mc:Choice Requires="x14">
            <control shapeId="2078" r:id="rId33" name="Check Box 30">
              <controlPr defaultSize="0" autoFill="0" autoLine="0" autoPict="0">
                <anchor moveWithCells="1" sizeWithCells="1">
                  <from>
                    <xdr:col>17</xdr:col>
                    <xdr:colOff>317500</xdr:colOff>
                    <xdr:row>24</xdr:row>
                    <xdr:rowOff>63500</xdr:rowOff>
                  </from>
                  <to>
                    <xdr:col>26</xdr:col>
                    <xdr:colOff>298450</xdr:colOff>
                    <xdr:row>25</xdr:row>
                    <xdr:rowOff>139700</xdr:rowOff>
                  </to>
                </anchor>
              </controlPr>
            </control>
          </mc:Choice>
        </mc:AlternateContent>
        <mc:AlternateContent xmlns:mc="http://schemas.openxmlformats.org/markup-compatibility/2006">
          <mc:Choice Requires="x14">
            <control shapeId="2079" r:id="rId34" name="Check Box 31">
              <controlPr defaultSize="0" autoFill="0" autoLine="0" autoPict="0">
                <anchor moveWithCells="1" sizeWithCells="1">
                  <from>
                    <xdr:col>8</xdr:col>
                    <xdr:colOff>63500</xdr:colOff>
                    <xdr:row>25</xdr:row>
                    <xdr:rowOff>184150</xdr:rowOff>
                  </from>
                  <to>
                    <xdr:col>11</xdr:col>
                    <xdr:colOff>330200</xdr:colOff>
                    <xdr:row>27</xdr:row>
                    <xdr:rowOff>50800</xdr:rowOff>
                  </to>
                </anchor>
              </controlPr>
            </control>
          </mc:Choice>
        </mc:AlternateContent>
        <mc:AlternateContent xmlns:mc="http://schemas.openxmlformats.org/markup-compatibility/2006">
          <mc:Choice Requires="x14">
            <control shapeId="2080" r:id="rId35" name="Check Box 32">
              <controlPr defaultSize="0" autoFill="0" autoLine="0" autoPict="0">
                <anchor moveWithCells="1" sizeWithCells="1">
                  <from>
                    <xdr:col>12</xdr:col>
                    <xdr:colOff>38100</xdr:colOff>
                    <xdr:row>29</xdr:row>
                    <xdr:rowOff>38100</xdr:rowOff>
                  </from>
                  <to>
                    <xdr:col>14</xdr:col>
                    <xdr:colOff>330200</xdr:colOff>
                    <xdr:row>30</xdr:row>
                    <xdr:rowOff>63500</xdr:rowOff>
                  </to>
                </anchor>
              </controlPr>
            </control>
          </mc:Choice>
        </mc:AlternateContent>
        <mc:AlternateContent xmlns:mc="http://schemas.openxmlformats.org/markup-compatibility/2006">
          <mc:Choice Requires="x14">
            <control shapeId="2081" r:id="rId36" name="Check Box 33">
              <controlPr defaultSize="0" autoFill="0" autoLine="0" autoPict="0">
                <anchor moveWithCells="1" sizeWithCells="1">
                  <from>
                    <xdr:col>15</xdr:col>
                    <xdr:colOff>304800</xdr:colOff>
                    <xdr:row>29</xdr:row>
                    <xdr:rowOff>38100</xdr:rowOff>
                  </from>
                  <to>
                    <xdr:col>17</xdr:col>
                    <xdr:colOff>304800</xdr:colOff>
                    <xdr:row>30</xdr:row>
                    <xdr:rowOff>63500</xdr:rowOff>
                  </to>
                </anchor>
              </controlPr>
            </control>
          </mc:Choice>
        </mc:AlternateContent>
        <mc:AlternateContent xmlns:mc="http://schemas.openxmlformats.org/markup-compatibility/2006">
          <mc:Choice Requires="x14">
            <control shapeId="2082" r:id="rId37" name="Check Box 34">
              <controlPr defaultSize="0" autoFill="0" autoLine="0" autoPict="0">
                <anchor moveWithCells="1" sizeWithCells="1">
                  <from>
                    <xdr:col>18</xdr:col>
                    <xdr:colOff>127000</xdr:colOff>
                    <xdr:row>29</xdr:row>
                    <xdr:rowOff>38100</xdr:rowOff>
                  </from>
                  <to>
                    <xdr:col>19</xdr:col>
                    <xdr:colOff>393700</xdr:colOff>
                    <xdr:row>30</xdr:row>
                    <xdr:rowOff>69850</xdr:rowOff>
                  </to>
                </anchor>
              </controlPr>
            </control>
          </mc:Choice>
        </mc:AlternateContent>
        <mc:AlternateContent xmlns:mc="http://schemas.openxmlformats.org/markup-compatibility/2006">
          <mc:Choice Requires="x14">
            <control shapeId="2083" r:id="rId38" name="Check Box 35">
              <controlPr defaultSize="0" autoFill="0" autoLine="0" autoPict="0">
                <anchor moveWithCells="1" sizeWithCells="1">
                  <from>
                    <xdr:col>20</xdr:col>
                    <xdr:colOff>114300</xdr:colOff>
                    <xdr:row>29</xdr:row>
                    <xdr:rowOff>38100</xdr:rowOff>
                  </from>
                  <to>
                    <xdr:col>23</xdr:col>
                    <xdr:colOff>184150</xdr:colOff>
                    <xdr:row>30</xdr:row>
                    <xdr:rowOff>69850</xdr:rowOff>
                  </to>
                </anchor>
              </controlPr>
            </control>
          </mc:Choice>
        </mc:AlternateContent>
        <mc:AlternateContent xmlns:mc="http://schemas.openxmlformats.org/markup-compatibility/2006">
          <mc:Choice Requires="x14">
            <control shapeId="2084" r:id="rId39" name="Check Box 36">
              <controlPr defaultSize="0" autoFill="0" autoLine="0" autoPict="0">
                <anchor moveWithCells="1" sizeWithCells="1">
                  <from>
                    <xdr:col>12</xdr:col>
                    <xdr:colOff>38100</xdr:colOff>
                    <xdr:row>30</xdr:row>
                    <xdr:rowOff>50800</xdr:rowOff>
                  </from>
                  <to>
                    <xdr:col>15</xdr:col>
                    <xdr:colOff>203200</xdr:colOff>
                    <xdr:row>31</xdr:row>
                    <xdr:rowOff>107950</xdr:rowOff>
                  </to>
                </anchor>
              </controlPr>
            </control>
          </mc:Choice>
        </mc:AlternateContent>
        <mc:AlternateContent xmlns:mc="http://schemas.openxmlformats.org/markup-compatibility/2006">
          <mc:Choice Requires="x14">
            <control shapeId="2085" r:id="rId40" name="Check Box 37">
              <controlPr defaultSize="0" autoFill="0" autoLine="0" autoPict="0">
                <anchor moveWithCells="1" sizeWithCells="1">
                  <from>
                    <xdr:col>12</xdr:col>
                    <xdr:colOff>38100</xdr:colOff>
                    <xdr:row>31</xdr:row>
                    <xdr:rowOff>63500</xdr:rowOff>
                  </from>
                  <to>
                    <xdr:col>15</xdr:col>
                    <xdr:colOff>184150</xdr:colOff>
                    <xdr:row>32</xdr:row>
                    <xdr:rowOff>177800</xdr:rowOff>
                  </to>
                </anchor>
              </controlPr>
            </control>
          </mc:Choice>
        </mc:AlternateContent>
        <mc:AlternateContent xmlns:mc="http://schemas.openxmlformats.org/markup-compatibility/2006">
          <mc:Choice Requires="x14">
            <control shapeId="2086" r:id="rId41" name="Drop Down 38">
              <controlPr defaultSize="0" autoLine="0" autoPict="0">
                <anchor moveWithCells="1" sizeWithCells="1">
                  <from>
                    <xdr:col>21</xdr:col>
                    <xdr:colOff>101600</xdr:colOff>
                    <xdr:row>18</xdr:row>
                    <xdr:rowOff>50800</xdr:rowOff>
                  </from>
                  <to>
                    <xdr:col>25</xdr:col>
                    <xdr:colOff>76200</xdr:colOff>
                    <xdr:row>19</xdr:row>
                    <xdr:rowOff>146050</xdr:rowOff>
                  </to>
                </anchor>
              </controlPr>
            </control>
          </mc:Choice>
        </mc:AlternateContent>
        <mc:AlternateContent xmlns:mc="http://schemas.openxmlformats.org/markup-compatibility/2006">
          <mc:Choice Requires="x14">
            <control shapeId="2087" r:id="rId42" name="Check Box 39">
              <controlPr defaultSize="0" autoFill="0" autoLine="0" autoPict="0">
                <anchor moveWithCells="1" sizeWithCells="1">
                  <from>
                    <xdr:col>14</xdr:col>
                    <xdr:colOff>336550</xdr:colOff>
                    <xdr:row>24</xdr:row>
                    <xdr:rowOff>101600</xdr:rowOff>
                  </from>
                  <to>
                    <xdr:col>17</xdr:col>
                    <xdr:colOff>317500</xdr:colOff>
                    <xdr:row>25</xdr:row>
                    <xdr:rowOff>127000</xdr:rowOff>
                  </to>
                </anchor>
              </controlPr>
            </control>
          </mc:Choice>
        </mc:AlternateContent>
        <mc:AlternateContent xmlns:mc="http://schemas.openxmlformats.org/markup-compatibility/2006">
          <mc:Choice Requires="x14">
            <control shapeId="2088" r:id="rId43" name="Option Button 40">
              <controlPr defaultSize="0" autoFill="0" autoLine="0" autoPict="0">
                <anchor moveWithCells="1" sizeWithCells="1">
                  <from>
                    <xdr:col>38</xdr:col>
                    <xdr:colOff>146050</xdr:colOff>
                    <xdr:row>58</xdr:row>
                    <xdr:rowOff>0</xdr:rowOff>
                  </from>
                  <to>
                    <xdr:col>41</xdr:col>
                    <xdr:colOff>0</xdr:colOff>
                    <xdr:row>58</xdr:row>
                    <xdr:rowOff>146050</xdr:rowOff>
                  </to>
                </anchor>
              </controlPr>
            </control>
          </mc:Choice>
        </mc:AlternateContent>
        <mc:AlternateContent xmlns:mc="http://schemas.openxmlformats.org/markup-compatibility/2006">
          <mc:Choice Requires="x14">
            <control shapeId="2089" r:id="rId44" name="Option Button 41">
              <controlPr defaultSize="0" autoFill="0" autoLine="0" autoPict="0">
                <anchor moveWithCells="1" sizeWithCells="1">
                  <from>
                    <xdr:col>37</xdr:col>
                    <xdr:colOff>139700</xdr:colOff>
                    <xdr:row>58</xdr:row>
                    <xdr:rowOff>0</xdr:rowOff>
                  </from>
                  <to>
                    <xdr:col>38</xdr:col>
                    <xdr:colOff>139700</xdr:colOff>
                    <xdr:row>58</xdr:row>
                    <xdr:rowOff>146050</xdr:rowOff>
                  </to>
                </anchor>
              </controlPr>
            </control>
          </mc:Choice>
        </mc:AlternateContent>
        <mc:AlternateContent xmlns:mc="http://schemas.openxmlformats.org/markup-compatibility/2006">
          <mc:Choice Requires="x14">
            <control shapeId="2090" r:id="rId45" name="Check Box 42">
              <controlPr defaultSize="0" autoFill="0" autoLine="0" autoPict="0">
                <anchor moveWithCells="1" sizeWithCells="1">
                  <from>
                    <xdr:col>13</xdr:col>
                    <xdr:colOff>336550</xdr:colOff>
                    <xdr:row>29</xdr:row>
                    <xdr:rowOff>38100</xdr:rowOff>
                  </from>
                  <to>
                    <xdr:col>15</xdr:col>
                    <xdr:colOff>330200</xdr:colOff>
                    <xdr:row>30</xdr:row>
                    <xdr:rowOff>63500</xdr:rowOff>
                  </to>
                </anchor>
              </controlPr>
            </control>
          </mc:Choice>
        </mc:AlternateContent>
        <mc:AlternateContent xmlns:mc="http://schemas.openxmlformats.org/markup-compatibility/2006">
          <mc:Choice Requires="x14">
            <control shapeId="2091" r:id="rId46" name="Check Box 43">
              <controlPr defaultSize="0" autoFill="0" autoLine="0" autoPict="0">
                <anchor moveWithCells="1" sizeWithCells="1">
                  <from>
                    <xdr:col>23</xdr:col>
                    <xdr:colOff>298450</xdr:colOff>
                    <xdr:row>29</xdr:row>
                    <xdr:rowOff>38100</xdr:rowOff>
                  </from>
                  <to>
                    <xdr:col>25</xdr:col>
                    <xdr:colOff>203200</xdr:colOff>
                    <xdr:row>30</xdr:row>
                    <xdr:rowOff>63500</xdr:rowOff>
                  </to>
                </anchor>
              </controlPr>
            </control>
          </mc:Choice>
        </mc:AlternateContent>
        <mc:AlternateContent xmlns:mc="http://schemas.openxmlformats.org/markup-compatibility/2006">
          <mc:Choice Requires="x14">
            <control shapeId="2092" r:id="rId47" name="Check Box 44">
              <controlPr defaultSize="0" autoFill="0" autoLine="0" autoPict="0">
                <anchor moveWithCells="1" sizeWithCells="1">
                  <from>
                    <xdr:col>25</xdr:col>
                    <xdr:colOff>317500</xdr:colOff>
                    <xdr:row>29</xdr:row>
                    <xdr:rowOff>38100</xdr:rowOff>
                  </from>
                  <to>
                    <xdr:col>28</xdr:col>
                    <xdr:colOff>0</xdr:colOff>
                    <xdr:row>30</xdr:row>
                    <xdr:rowOff>63500</xdr:rowOff>
                  </to>
                </anchor>
              </controlPr>
            </control>
          </mc:Choice>
        </mc:AlternateContent>
        <mc:AlternateContent xmlns:mc="http://schemas.openxmlformats.org/markup-compatibility/2006">
          <mc:Choice Requires="x14">
            <control shapeId="2093" r:id="rId48" name="Option Button 45">
              <controlPr defaultSize="0" autoFill="0" autoLine="0" autoPict="0">
                <anchor moveWithCells="1" sizeWithCells="1">
                  <from>
                    <xdr:col>21</xdr:col>
                    <xdr:colOff>88900</xdr:colOff>
                    <xdr:row>20</xdr:row>
                    <xdr:rowOff>50800</xdr:rowOff>
                  </from>
                  <to>
                    <xdr:col>22</xdr:col>
                    <xdr:colOff>165100</xdr:colOff>
                    <xdr:row>21</xdr:row>
                    <xdr:rowOff>114300</xdr:rowOff>
                  </to>
                </anchor>
              </controlPr>
            </control>
          </mc:Choice>
        </mc:AlternateContent>
        <mc:AlternateContent xmlns:mc="http://schemas.openxmlformats.org/markup-compatibility/2006">
          <mc:Choice Requires="x14">
            <control shapeId="2094" r:id="rId49" name="Option Button 46">
              <controlPr defaultSize="0" autoFill="0" autoLine="0" autoPict="0">
                <anchor moveWithCells="1" sizeWithCells="1">
                  <from>
                    <xdr:col>22</xdr:col>
                    <xdr:colOff>317500</xdr:colOff>
                    <xdr:row>20</xdr:row>
                    <xdr:rowOff>50800</xdr:rowOff>
                  </from>
                  <to>
                    <xdr:col>24</xdr:col>
                    <xdr:colOff>0</xdr:colOff>
                    <xdr:row>21</xdr:row>
                    <xdr:rowOff>114300</xdr:rowOff>
                  </to>
                </anchor>
              </controlPr>
            </control>
          </mc:Choice>
        </mc:AlternateContent>
        <mc:AlternateContent xmlns:mc="http://schemas.openxmlformats.org/markup-compatibility/2006">
          <mc:Choice Requires="x14">
            <control shapeId="2095" r:id="rId50" name="Check Box 47">
              <controlPr defaultSize="0" autoFill="0" autoLine="0" autoPict="0">
                <anchor moveWithCells="1" sizeWithCells="1">
                  <from>
                    <xdr:col>25</xdr:col>
                    <xdr:colOff>139700</xdr:colOff>
                    <xdr:row>30</xdr:row>
                    <xdr:rowOff>0</xdr:rowOff>
                  </from>
                  <to>
                    <xdr:col>28</xdr:col>
                    <xdr:colOff>63500</xdr:colOff>
                    <xdr:row>31</xdr:row>
                    <xdr:rowOff>38100</xdr:rowOff>
                  </to>
                </anchor>
              </controlPr>
            </control>
          </mc:Choice>
        </mc:AlternateContent>
        <mc:AlternateContent xmlns:mc="http://schemas.openxmlformats.org/markup-compatibility/2006">
          <mc:Choice Requires="x14">
            <control shapeId="2096" r:id="rId51" name="Check Box 48">
              <controlPr defaultSize="0" autoFill="0" autoLine="0" autoPict="0">
                <anchor moveWithCells="1" sizeWithCells="1">
                  <from>
                    <xdr:col>22</xdr:col>
                    <xdr:colOff>63500</xdr:colOff>
                    <xdr:row>29</xdr:row>
                    <xdr:rowOff>184150</xdr:rowOff>
                  </from>
                  <to>
                    <xdr:col>24</xdr:col>
                    <xdr:colOff>342900</xdr:colOff>
                    <xdr:row>31</xdr:row>
                    <xdr:rowOff>50800</xdr:rowOff>
                  </to>
                </anchor>
              </controlPr>
            </control>
          </mc:Choice>
        </mc:AlternateContent>
        <mc:AlternateContent xmlns:mc="http://schemas.openxmlformats.org/markup-compatibility/2006">
          <mc:Choice Requires="x14">
            <control shapeId="2097" r:id="rId52" name="Group Box 49">
              <controlPr defaultSize="0" print="0" autoFill="0" autoPict="0" altText="_x000a_">
                <anchor moveWithCells="1">
                  <from>
                    <xdr:col>21</xdr:col>
                    <xdr:colOff>12700</xdr:colOff>
                    <xdr:row>19</xdr:row>
                    <xdr:rowOff>203200</xdr:rowOff>
                  </from>
                  <to>
                    <xdr:col>24</xdr:col>
                    <xdr:colOff>152400</xdr:colOff>
                    <xdr:row>21</xdr:row>
                    <xdr:rowOff>165100</xdr:rowOff>
                  </to>
                </anchor>
              </controlPr>
            </control>
          </mc:Choice>
        </mc:AlternateContent>
        <mc:AlternateContent xmlns:mc="http://schemas.openxmlformats.org/markup-compatibility/2006">
          <mc:Choice Requires="x14">
            <control shapeId="2098" r:id="rId53" name="Group Box 50">
              <controlPr defaultSize="0" print="0" autoFill="0" autoPict="0">
                <anchor moveWithCells="1">
                  <from>
                    <xdr:col>37</xdr:col>
                    <xdr:colOff>25400</xdr:colOff>
                    <xdr:row>56</xdr:row>
                    <xdr:rowOff>177800</xdr:rowOff>
                  </from>
                  <to>
                    <xdr:col>41</xdr:col>
                    <xdr:colOff>12700</xdr:colOff>
                    <xdr:row>59</xdr:row>
                    <xdr:rowOff>152400</xdr:rowOff>
                  </to>
                </anchor>
              </controlPr>
            </control>
          </mc:Choice>
        </mc:AlternateContent>
        <mc:AlternateContent xmlns:mc="http://schemas.openxmlformats.org/markup-compatibility/2006">
          <mc:Choice Requires="x14">
            <control shapeId="2099" r:id="rId54" name="Check Box 51">
              <controlPr defaultSize="0" autoFill="0" autoLine="0" autoPict="0">
                <anchor moveWithCells="1" sizeWithCells="1">
                  <from>
                    <xdr:col>26</xdr:col>
                    <xdr:colOff>76200</xdr:colOff>
                    <xdr:row>69</xdr:row>
                    <xdr:rowOff>177800</xdr:rowOff>
                  </from>
                  <to>
                    <xdr:col>27</xdr:col>
                    <xdr:colOff>355600</xdr:colOff>
                    <xdr:row>71</xdr:row>
                    <xdr:rowOff>127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3:Z41"/>
  <sheetViews>
    <sheetView workbookViewId="0">
      <selection activeCell="F29" sqref="F29"/>
    </sheetView>
  </sheetViews>
  <sheetFormatPr defaultColWidth="9" defaultRowHeight="13"/>
  <cols>
    <col min="1" max="4" width="9" style="1"/>
    <col min="5" max="8" width="15.08984375" style="1" customWidth="1"/>
    <col min="9" max="9" width="30.08984375" style="1" customWidth="1"/>
    <col min="10" max="13" width="15.08984375" style="1" customWidth="1"/>
    <col min="14" max="14" width="21.453125" style="1" customWidth="1"/>
    <col min="15" max="26" width="15.08984375" style="1" customWidth="1"/>
    <col min="27" max="16384" width="9" style="1"/>
  </cols>
  <sheetData>
    <row r="3" spans="1:24">
      <c r="A3" s="1" t="s">
        <v>0</v>
      </c>
      <c r="B3" s="1" t="s">
        <v>136</v>
      </c>
      <c r="E3" s="2" t="s">
        <v>118</v>
      </c>
      <c r="F3" s="2" t="s">
        <v>1</v>
      </c>
      <c r="G3" s="2" t="s">
        <v>119</v>
      </c>
      <c r="H3" s="2" t="s">
        <v>127</v>
      </c>
      <c r="I3" s="2" t="s">
        <v>4</v>
      </c>
      <c r="J3" s="2" t="s">
        <v>128</v>
      </c>
      <c r="K3" s="2" t="s">
        <v>129</v>
      </c>
      <c r="L3" s="2" t="s">
        <v>120</v>
      </c>
      <c r="M3" s="2" t="s">
        <v>130</v>
      </c>
      <c r="N3" s="2" t="s">
        <v>131</v>
      </c>
      <c r="O3" s="2" t="s">
        <v>121</v>
      </c>
      <c r="P3" s="2" t="s">
        <v>122</v>
      </c>
      <c r="Q3" s="2" t="s">
        <v>123</v>
      </c>
      <c r="R3" s="2" t="s">
        <v>124</v>
      </c>
      <c r="S3" s="2" t="s">
        <v>125</v>
      </c>
      <c r="T3" s="2" t="s">
        <v>126</v>
      </c>
      <c r="U3" s="2" t="s">
        <v>132</v>
      </c>
      <c r="V3" s="2" t="s">
        <v>133</v>
      </c>
      <c r="W3" s="2" t="s">
        <v>134</v>
      </c>
      <c r="X3" s="2" t="s">
        <v>135</v>
      </c>
    </row>
    <row r="4" spans="1:24">
      <c r="B4" s="1" t="s">
        <v>137</v>
      </c>
      <c r="E4" s="1" t="s">
        <v>19</v>
      </c>
      <c r="F4" s="1" t="s">
        <v>21</v>
      </c>
      <c r="G4" s="1" t="s">
        <v>119</v>
      </c>
      <c r="H4" s="1" t="s">
        <v>23</v>
      </c>
      <c r="I4" s="1" t="s">
        <v>26</v>
      </c>
      <c r="J4" s="1" t="s">
        <v>50</v>
      </c>
      <c r="K4" s="1" t="s">
        <v>54</v>
      </c>
      <c r="L4" s="1" t="s">
        <v>59</v>
      </c>
      <c r="M4" s="1" t="s">
        <v>67</v>
      </c>
      <c r="N4" s="1" t="s">
        <v>79</v>
      </c>
      <c r="O4" s="1" t="s">
        <v>85</v>
      </c>
      <c r="P4" s="1" t="s">
        <v>88</v>
      </c>
      <c r="Q4" s="1" t="s">
        <v>92</v>
      </c>
      <c r="R4" s="1" t="s">
        <v>95</v>
      </c>
      <c r="S4" s="1" t="s">
        <v>98</v>
      </c>
      <c r="T4" s="1" t="s">
        <v>100</v>
      </c>
      <c r="U4" s="1" t="s">
        <v>103</v>
      </c>
      <c r="V4" s="1" t="s">
        <v>105</v>
      </c>
      <c r="W4" s="1" t="s">
        <v>114</v>
      </c>
      <c r="X4" s="1" t="s">
        <v>18</v>
      </c>
    </row>
    <row r="5" spans="1:24">
      <c r="B5" s="1" t="s">
        <v>138</v>
      </c>
      <c r="E5" s="1" t="s">
        <v>20</v>
      </c>
      <c r="F5" s="1" t="s">
        <v>22</v>
      </c>
      <c r="H5" s="1" t="s">
        <v>24</v>
      </c>
      <c r="I5" s="1" t="s">
        <v>27</v>
      </c>
      <c r="J5" s="1" t="s">
        <v>51</v>
      </c>
      <c r="K5" s="1" t="s">
        <v>55</v>
      </c>
      <c r="L5" s="1" t="s">
        <v>60</v>
      </c>
      <c r="M5" s="1" t="s">
        <v>68</v>
      </c>
      <c r="N5" s="1" t="s">
        <v>80</v>
      </c>
      <c r="O5" s="1" t="s">
        <v>86</v>
      </c>
      <c r="P5" s="1" t="s">
        <v>89</v>
      </c>
      <c r="Q5" s="1" t="s">
        <v>93</v>
      </c>
      <c r="R5" s="1" t="s">
        <v>96</v>
      </c>
      <c r="S5" s="1" t="s">
        <v>99</v>
      </c>
      <c r="T5" s="1" t="s">
        <v>101</v>
      </c>
      <c r="U5" s="1" t="s">
        <v>104</v>
      </c>
      <c r="V5" s="1" t="s">
        <v>106</v>
      </c>
      <c r="W5" s="1" t="s">
        <v>115</v>
      </c>
    </row>
    <row r="6" spans="1:24">
      <c r="B6" s="1" t="s">
        <v>139</v>
      </c>
      <c r="H6" s="1" t="s">
        <v>25</v>
      </c>
      <c r="I6" s="1" t="s">
        <v>28</v>
      </c>
      <c r="J6" s="1" t="s">
        <v>52</v>
      </c>
      <c r="K6" s="1" t="s">
        <v>56</v>
      </c>
      <c r="L6" s="1" t="s">
        <v>61</v>
      </c>
      <c r="M6" s="1" t="s">
        <v>69</v>
      </c>
      <c r="N6" s="1" t="s">
        <v>81</v>
      </c>
      <c r="O6" s="1" t="s">
        <v>87</v>
      </c>
      <c r="P6" s="1" t="s">
        <v>90</v>
      </c>
      <c r="Q6" s="1" t="s">
        <v>94</v>
      </c>
      <c r="R6" s="1" t="s">
        <v>97</v>
      </c>
      <c r="T6" s="1" t="s">
        <v>102</v>
      </c>
      <c r="V6" s="1" t="s">
        <v>107</v>
      </c>
    </row>
    <row r="7" spans="1:24">
      <c r="B7" s="1" t="s">
        <v>140</v>
      </c>
      <c r="I7" s="1" t="s">
        <v>29</v>
      </c>
      <c r="J7" s="1" t="s">
        <v>53</v>
      </c>
      <c r="K7" s="1" t="s">
        <v>57</v>
      </c>
      <c r="L7" s="1" t="s">
        <v>62</v>
      </c>
      <c r="M7" s="1" t="s">
        <v>70</v>
      </c>
      <c r="N7" s="1" t="s">
        <v>82</v>
      </c>
      <c r="P7" s="1" t="s">
        <v>91</v>
      </c>
      <c r="V7" s="1" t="s">
        <v>108</v>
      </c>
    </row>
    <row r="8" spans="1:24">
      <c r="B8" s="1" t="s">
        <v>141</v>
      </c>
      <c r="I8" s="1" t="s">
        <v>30</v>
      </c>
      <c r="K8" s="1" t="s">
        <v>58</v>
      </c>
      <c r="L8" s="1" t="s">
        <v>63</v>
      </c>
      <c r="M8" s="1" t="s">
        <v>71</v>
      </c>
      <c r="N8" s="1" t="s">
        <v>83</v>
      </c>
      <c r="V8" s="1" t="s">
        <v>109</v>
      </c>
    </row>
    <row r="9" spans="1:24">
      <c r="B9" s="1" t="s">
        <v>142</v>
      </c>
      <c r="I9" s="1" t="s">
        <v>31</v>
      </c>
      <c r="L9" s="1" t="s">
        <v>64</v>
      </c>
      <c r="M9" s="1" t="s">
        <v>72</v>
      </c>
      <c r="N9" s="1" t="s">
        <v>84</v>
      </c>
      <c r="V9" s="1" t="s">
        <v>110</v>
      </c>
    </row>
    <row r="10" spans="1:24">
      <c r="B10" s="1" t="s">
        <v>143</v>
      </c>
      <c r="I10" s="1" t="s">
        <v>32</v>
      </c>
      <c r="L10" s="1" t="s">
        <v>65</v>
      </c>
      <c r="M10" s="1" t="s">
        <v>73</v>
      </c>
      <c r="V10" s="1" t="s">
        <v>111</v>
      </c>
    </row>
    <row r="11" spans="1:24">
      <c r="A11" s="56" t="s">
        <v>227</v>
      </c>
      <c r="B11" s="1" t="s">
        <v>144</v>
      </c>
      <c r="I11" s="1" t="s">
        <v>33</v>
      </c>
      <c r="L11" s="1" t="s">
        <v>66</v>
      </c>
      <c r="M11" s="1" t="s">
        <v>74</v>
      </c>
      <c r="V11" s="1" t="s">
        <v>112</v>
      </c>
    </row>
    <row r="12" spans="1:24">
      <c r="A12" s="56"/>
      <c r="I12" s="1" t="s">
        <v>34</v>
      </c>
      <c r="M12" s="1" t="s">
        <v>75</v>
      </c>
      <c r="V12" s="1" t="s">
        <v>113</v>
      </c>
    </row>
    <row r="13" spans="1:24">
      <c r="A13" s="56" t="s">
        <v>228</v>
      </c>
      <c r="I13" s="1" t="s">
        <v>35</v>
      </c>
      <c r="M13" s="1" t="s">
        <v>76</v>
      </c>
    </row>
    <row r="14" spans="1:24">
      <c r="I14" s="1" t="s">
        <v>36</v>
      </c>
      <c r="M14" s="1" t="s">
        <v>77</v>
      </c>
    </row>
    <row r="15" spans="1:24">
      <c r="I15" s="1" t="s">
        <v>37</v>
      </c>
      <c r="M15" s="1" t="s">
        <v>78</v>
      </c>
    </row>
    <row r="16" spans="1:24">
      <c r="B16" s="1" t="s">
        <v>145</v>
      </c>
      <c r="I16" s="1" t="s">
        <v>38</v>
      </c>
    </row>
    <row r="17" spans="2:9">
      <c r="B17" s="1" t="s">
        <v>146</v>
      </c>
      <c r="I17" s="1" t="s">
        <v>39</v>
      </c>
    </row>
    <row r="18" spans="2:9">
      <c r="B18" s="1" t="s">
        <v>147</v>
      </c>
      <c r="I18" s="1" t="s">
        <v>40</v>
      </c>
    </row>
    <row r="19" spans="2:9">
      <c r="I19" s="1" t="s">
        <v>41</v>
      </c>
    </row>
    <row r="20" spans="2:9">
      <c r="I20" s="1" t="s">
        <v>42</v>
      </c>
    </row>
    <row r="21" spans="2:9">
      <c r="I21" s="1" t="s">
        <v>43</v>
      </c>
    </row>
    <row r="22" spans="2:9">
      <c r="I22" s="1" t="s">
        <v>44</v>
      </c>
    </row>
    <row r="23" spans="2:9">
      <c r="I23" s="1" t="s">
        <v>45</v>
      </c>
    </row>
    <row r="24" spans="2:9">
      <c r="I24" s="1" t="s">
        <v>46</v>
      </c>
    </row>
    <row r="25" spans="2:9">
      <c r="I25" s="1" t="s">
        <v>47</v>
      </c>
    </row>
    <row r="26" spans="2:9">
      <c r="I26" s="1" t="s">
        <v>48</v>
      </c>
    </row>
    <row r="27" spans="2:9">
      <c r="I27" s="1" t="s">
        <v>49</v>
      </c>
    </row>
    <row r="41" spans="7:26">
      <c r="G41" s="1" t="s">
        <v>116</v>
      </c>
      <c r="H41" s="1" t="s">
        <v>1</v>
      </c>
      <c r="I41" s="1" t="s">
        <v>2</v>
      </c>
      <c r="J41" s="1" t="s">
        <v>3</v>
      </c>
      <c r="K41" s="1" t="s">
        <v>4</v>
      </c>
      <c r="L41" s="1" t="s">
        <v>5</v>
      </c>
      <c r="M41" s="1" t="s">
        <v>6</v>
      </c>
      <c r="N41" s="1" t="s">
        <v>7</v>
      </c>
      <c r="O41" s="1" t="s">
        <v>8</v>
      </c>
      <c r="P41" s="1" t="s">
        <v>9</v>
      </c>
      <c r="Q41" s="1" t="s">
        <v>10</v>
      </c>
      <c r="R41" s="1" t="s">
        <v>11</v>
      </c>
      <c r="S41" s="1" t="s">
        <v>12</v>
      </c>
      <c r="T41" s="1" t="s">
        <v>117</v>
      </c>
      <c r="U41" s="1" t="s">
        <v>13</v>
      </c>
      <c r="V41" s="1" t="s">
        <v>14</v>
      </c>
      <c r="W41" s="1" t="s">
        <v>15</v>
      </c>
      <c r="X41" s="1" t="s">
        <v>16</v>
      </c>
      <c r="Y41" s="1" t="s">
        <v>17</v>
      </c>
      <c r="Z41" s="1" t="s">
        <v>18</v>
      </c>
    </row>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0</vt:i4>
      </vt:variant>
    </vt:vector>
  </HeadingPairs>
  <TitlesOfParts>
    <vt:vector size="22" baseType="lpstr">
      <vt:lpstr>商品提案シート</vt:lpstr>
      <vt:lpstr>リスト</vt:lpstr>
      <vt:lpstr>サービス業・他に分類されないもの</vt:lpstr>
      <vt:lpstr>医療・福祉</vt:lpstr>
      <vt:lpstr>運輸業・郵便業</vt:lpstr>
      <vt:lpstr>卸売業・小売業</vt:lpstr>
      <vt:lpstr>学術研究・専門・技術サービス業</vt:lpstr>
      <vt:lpstr>漁業</vt:lpstr>
      <vt:lpstr>教育・学習支援業</vt:lpstr>
      <vt:lpstr>金融業・保険業</vt:lpstr>
      <vt:lpstr>建設業</vt:lpstr>
      <vt:lpstr>公務・他に分類されるものを除く</vt:lpstr>
      <vt:lpstr>鉱業・採石業・砂利採取業</vt:lpstr>
      <vt:lpstr>宿泊業・飲食サービス業</vt:lpstr>
      <vt:lpstr>情報通信業</vt:lpstr>
      <vt:lpstr>生活関連サービス業・娯楽業</vt:lpstr>
      <vt:lpstr>製造業</vt:lpstr>
      <vt:lpstr>電気・ガス・熱供給・水道業</vt:lpstr>
      <vt:lpstr>農業・林業</vt:lpstr>
      <vt:lpstr>不動産業・物品賃貸業</vt:lpstr>
      <vt:lpstr>複合サービス事業</vt:lpstr>
      <vt:lpstr>分類不能の産業</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cp:lastModifiedBy>
  <cp:lastPrinted>2023-08-01T00:39:19Z</cp:lastPrinted>
  <dcterms:created xsi:type="dcterms:W3CDTF">1997-01-08T22:48:59Z</dcterms:created>
  <dcterms:modified xsi:type="dcterms:W3CDTF">2024-06-20T12:26:16Z</dcterms:modified>
</cp:coreProperties>
</file>